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4" rupBuild="23127"/>
  <workbookPr defaultThemeVersion="124226"/>
  <mc:AlternateContent xmlns:mc="http://schemas.openxmlformats.org/markup-compatibility/2006">
    <mc:Choice Requires="x15">
      <x15ac:absPath xmlns:x15ac="http://schemas.microsoft.com/office/spreadsheetml/2010/11/ac" url="\\staff.ad.griffith.edu.au\ud\fr\s5081474\Desktop\externe HD\PhD\Thesis\chapters\Chapter 5, reliability, floor and ceiling effects and influencing variables\Submission\PeerJ\"/>
    </mc:Choice>
  </mc:AlternateContent>
  <xr:revisionPtr revIDLastSave="0" documentId="13_ncr:1_{CCB3A53A-7E1E-4756-8949-A949459B8394}" xr6:coauthVersionLast="45" xr6:coauthVersionMax="45" xr10:uidLastSave="{00000000-0000-0000-0000-000000000000}"/>
  <bookViews>
    <workbookView xWindow="-108" yWindow="-108" windowWidth="23256" windowHeight="12576" xr2:uid="{00000000-000D-0000-FFFF-FFFF00000000}"/>
  </bookViews>
  <sheets>
    <sheet name="Data experiment 2" sheetId="1" r:id="rId1"/>
    <sheet name="labels" sheetId="2" r:id="rId2"/>
  </sheets>
  <calcPr calcId="125725"/>
</workbook>
</file>

<file path=xl/sharedStrings.xml><?xml version="1.0" encoding="utf-8"?>
<sst xmlns="http://schemas.openxmlformats.org/spreadsheetml/2006/main" count="95" uniqueCount="63">
  <si>
    <t>Participant</t>
  </si>
  <si>
    <t>gender</t>
  </si>
  <si>
    <t>Age</t>
  </si>
  <si>
    <t>AgeBracketDec</t>
  </si>
  <si>
    <t>Height</t>
  </si>
  <si>
    <t>Weight</t>
  </si>
  <si>
    <t>BMI</t>
  </si>
  <si>
    <t>NeckHeight</t>
  </si>
  <si>
    <t>NeckCirc</t>
  </si>
  <si>
    <t>NSA</t>
  </si>
  <si>
    <t>LocDuration</t>
  </si>
  <si>
    <t>LocAS</t>
  </si>
  <si>
    <t>LocRT</t>
  </si>
  <si>
    <t>LocRCS</t>
  </si>
  <si>
    <t>LocBlock1</t>
  </si>
  <si>
    <t>LocBlock2</t>
  </si>
  <si>
    <t>LocBlock3</t>
  </si>
  <si>
    <t>LocBlock4</t>
  </si>
  <si>
    <t>LocBlock5</t>
  </si>
  <si>
    <t>LocBlock6</t>
  </si>
  <si>
    <t>OriDuration</t>
  </si>
  <si>
    <t>OriAS</t>
  </si>
  <si>
    <t>OriRT</t>
  </si>
  <si>
    <t>OriRCS</t>
  </si>
  <si>
    <t>OriBlock1</t>
  </si>
  <si>
    <t>OriBlock2</t>
  </si>
  <si>
    <t>OriBlock3</t>
  </si>
  <si>
    <t>OriBlock4</t>
  </si>
  <si>
    <t>OverallAS</t>
  </si>
  <si>
    <t>OverallRT</t>
  </si>
  <si>
    <t>OverallRCS</t>
  </si>
  <si>
    <t>Participant number</t>
  </si>
  <si>
    <t>Gender</t>
  </si>
  <si>
    <t>Age Brackets in decenia</t>
  </si>
  <si>
    <t>Height (cm)</t>
  </si>
  <si>
    <t>Weight (Kg)</t>
  </si>
  <si>
    <t>Body mass index (Weight (kg) / Height (m)**2)</t>
  </si>
  <si>
    <t>Height neck, occipital base to C7</t>
  </si>
  <si>
    <t>Neck circumference at midway point</t>
  </si>
  <si>
    <t>Neck surface area (0.5 * neck height * neck circumference)</t>
  </si>
  <si>
    <t>iTAD localisation duration (min)</t>
  </si>
  <si>
    <t>iTAD localisation accuracy score (%)</t>
  </si>
  <si>
    <t>iTAD localisation average response time (ms)</t>
  </si>
  <si>
    <t>iTAD localisation Rate Correct Score (# correct per minute)</t>
  </si>
  <si>
    <t>iTAD localisation accuracy score block 1</t>
  </si>
  <si>
    <t>iTAD localisation accuracy score block 2</t>
  </si>
  <si>
    <t>iTAD localisation accuracy score block 3</t>
  </si>
  <si>
    <t>iTAD localisation accuracy score block 4</t>
  </si>
  <si>
    <t>iTAD localisation accuracy score block 5</t>
  </si>
  <si>
    <t>iTAD localisation accuracy score block 6</t>
  </si>
  <si>
    <t>iTAD orientation duration (min)</t>
  </si>
  <si>
    <t>iTAD orientation accuracy score (%)</t>
  </si>
  <si>
    <t>iTAD orientation average response time (ms)</t>
  </si>
  <si>
    <t>iTAD orientation Rate Correct Score (# correct per minute)</t>
  </si>
  <si>
    <t>iTAD orientation accuracy score block 1</t>
  </si>
  <si>
    <t>iTAD orientation accuracy score block 2</t>
  </si>
  <si>
    <t>iTAD orientation accuracy score block 3</t>
  </si>
  <si>
    <t>iTAD orientation accuracy score block 4</t>
  </si>
  <si>
    <t>iTAD overall score accuracy score (%)</t>
  </si>
  <si>
    <t>iTAD overall score response time (ms)</t>
  </si>
  <si>
    <t>iTAD overall score Rate Correct Score (# correct per minute)</t>
  </si>
  <si>
    <t>0=female, 1=male</t>
  </si>
  <si>
    <t>1=18-30, 2=31-40, 3=41-50, 4=51-60, 5=61-70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2" x14ac:knownFonts="1">
    <font>
      <sz val="11"/>
      <color theme="1"/>
      <name val="Calibri"/>
      <family val="2"/>
      <scheme val="minor"/>
    </font>
    <font>
      <b/>
      <sz val="11"/>
      <color theme="1"/>
      <name val="Calibri"/>
      <family val="2"/>
      <scheme val="minor"/>
    </font>
  </fonts>
  <fills count="2">
    <fill>
      <patternFill patternType="none"/>
    </fill>
    <fill>
      <patternFill patternType="gray125"/>
    </fill>
  </fills>
  <borders count="1">
    <border>
      <left/>
      <right/>
      <top/>
      <bottom/>
      <diagonal/>
    </border>
  </borders>
  <cellStyleXfs count="1">
    <xf numFmtId="0" fontId="0" fillId="0" borderId="0"/>
  </cellStyleXfs>
  <cellXfs count="5">
    <xf numFmtId="0" fontId="0" fillId="0" borderId="0" xfId="0"/>
    <xf numFmtId="2" fontId="0" fillId="0" borderId="0" xfId="0" applyNumberFormat="1"/>
    <xf numFmtId="1" fontId="0" fillId="0" borderId="0" xfId="0" applyNumberFormat="1"/>
    <xf numFmtId="0" fontId="1" fillId="0" borderId="0" xfId="0" applyFont="1"/>
    <xf numFmtId="45" fontId="0" fillId="0" borderId="0" xfId="0" applyNumberFormat="1"/>
  </cellXfs>
  <cellStyles count="1">
    <cellStyle name="Normal" xfId="0" builtinId="0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dimension ref="A1:AE101"/>
  <sheetViews>
    <sheetView tabSelected="1" zoomScale="85" zoomScaleNormal="85" workbookViewId="0">
      <selection activeCell="AI28" sqref="AI28"/>
    </sheetView>
  </sheetViews>
  <sheetFormatPr defaultRowHeight="14.4" x14ac:dyDescent="0.3"/>
  <cols>
    <col min="11" max="11" width="8.88671875" style="4"/>
    <col min="21" max="21" width="8.88671875" style="4"/>
  </cols>
  <sheetData>
    <row r="1" spans="1:31" s="3" customFormat="1" x14ac:dyDescent="0.3">
      <c r="A1" s="3" t="s">
        <v>0</v>
      </c>
      <c r="B1" s="3" t="s">
        <v>1</v>
      </c>
      <c r="C1" s="3" t="s">
        <v>2</v>
      </c>
      <c r="D1" s="3" t="s">
        <v>3</v>
      </c>
      <c r="E1" s="3" t="s">
        <v>4</v>
      </c>
      <c r="F1" s="3" t="s">
        <v>5</v>
      </c>
      <c r="G1" s="3" t="s">
        <v>6</v>
      </c>
      <c r="H1" s="3" t="s">
        <v>7</v>
      </c>
      <c r="I1" s="3" t="s">
        <v>8</v>
      </c>
      <c r="J1" s="3" t="s">
        <v>9</v>
      </c>
      <c r="K1" s="3" t="s">
        <v>10</v>
      </c>
      <c r="L1" s="3" t="s">
        <v>11</v>
      </c>
      <c r="M1" s="3" t="s">
        <v>12</v>
      </c>
      <c r="N1" s="3" t="s">
        <v>13</v>
      </c>
      <c r="O1" s="3" t="s">
        <v>14</v>
      </c>
      <c r="P1" s="3" t="s">
        <v>15</v>
      </c>
      <c r="Q1" s="3" t="s">
        <v>16</v>
      </c>
      <c r="R1" s="3" t="s">
        <v>17</v>
      </c>
      <c r="S1" s="3" t="s">
        <v>18</v>
      </c>
      <c r="T1" s="3" t="s">
        <v>19</v>
      </c>
      <c r="U1" s="3" t="s">
        <v>20</v>
      </c>
      <c r="V1" s="3" t="s">
        <v>21</v>
      </c>
      <c r="W1" s="3" t="s">
        <v>22</v>
      </c>
      <c r="X1" s="3" t="s">
        <v>23</v>
      </c>
      <c r="Y1" s="3" t="s">
        <v>24</v>
      </c>
      <c r="Z1" s="3" t="s">
        <v>25</v>
      </c>
      <c r="AA1" s="3" t="s">
        <v>26</v>
      </c>
      <c r="AB1" s="3" t="s">
        <v>27</v>
      </c>
      <c r="AC1" s="3" t="s">
        <v>28</v>
      </c>
      <c r="AD1" s="3" t="s">
        <v>29</v>
      </c>
      <c r="AE1" s="3" t="s">
        <v>30</v>
      </c>
    </row>
    <row r="2" spans="1:31" x14ac:dyDescent="0.3">
      <c r="A2" s="1">
        <v>1</v>
      </c>
      <c r="B2" s="1">
        <v>0</v>
      </c>
      <c r="C2" s="1">
        <v>24</v>
      </c>
      <c r="D2" s="2">
        <v>1</v>
      </c>
      <c r="E2" s="1">
        <v>160</v>
      </c>
      <c r="F2" s="1">
        <v>56</v>
      </c>
      <c r="G2" s="1">
        <v>21.874999999999996</v>
      </c>
      <c r="H2" s="1">
        <v>13</v>
      </c>
      <c r="I2" s="1">
        <v>32.5</v>
      </c>
      <c r="J2" s="1">
        <v>211.25</v>
      </c>
      <c r="K2" s="4">
        <v>2.21064814814815E-3</v>
      </c>
      <c r="L2" s="1">
        <v>32</v>
      </c>
      <c r="M2" s="1">
        <v>1655</v>
      </c>
      <c r="N2" s="1">
        <v>11.601208459214501</v>
      </c>
      <c r="O2" s="1">
        <v>67</v>
      </c>
      <c r="P2" s="1">
        <v>33</v>
      </c>
      <c r="Q2" s="1">
        <v>0</v>
      </c>
      <c r="R2" s="1">
        <v>17</v>
      </c>
      <c r="S2" s="1">
        <v>42</v>
      </c>
      <c r="T2" s="1">
        <v>33</v>
      </c>
      <c r="U2" s="4">
        <v>2.26851851851852E-3</v>
      </c>
      <c r="V2" s="1">
        <v>25</v>
      </c>
      <c r="W2" s="1">
        <v>1956</v>
      </c>
      <c r="X2" s="1">
        <v>7.6687116564417179</v>
      </c>
      <c r="Y2" s="1">
        <v>19</v>
      </c>
      <c r="Z2" s="1">
        <v>25</v>
      </c>
      <c r="AA2" s="1">
        <v>31</v>
      </c>
      <c r="AB2" s="1">
        <v>25</v>
      </c>
      <c r="AC2" s="1">
        <v>28.5</v>
      </c>
      <c r="AD2" s="1">
        <v>1805.5</v>
      </c>
      <c r="AE2" s="1">
        <v>9.4710606480199395</v>
      </c>
    </row>
    <row r="3" spans="1:31" x14ac:dyDescent="0.3">
      <c r="A3" s="1">
        <v>2</v>
      </c>
      <c r="B3" s="1">
        <v>0</v>
      </c>
      <c r="C3" s="1">
        <v>21</v>
      </c>
      <c r="D3" s="2">
        <v>1</v>
      </c>
      <c r="E3" s="1">
        <v>175</v>
      </c>
      <c r="F3" s="1">
        <v>63</v>
      </c>
      <c r="G3" s="1">
        <v>20.571428571428573</v>
      </c>
      <c r="H3" s="1">
        <v>15</v>
      </c>
      <c r="I3" s="1">
        <v>31.5</v>
      </c>
      <c r="J3" s="1">
        <v>236.25</v>
      </c>
      <c r="K3" s="4">
        <v>1.7592592592592601E-3</v>
      </c>
      <c r="L3" s="1">
        <v>43</v>
      </c>
      <c r="M3" s="1">
        <v>1064</v>
      </c>
      <c r="N3" s="1">
        <v>24.248120300751882</v>
      </c>
      <c r="O3" s="1">
        <v>33</v>
      </c>
      <c r="P3" s="1">
        <v>17</v>
      </c>
      <c r="Q3" s="1">
        <v>67</v>
      </c>
      <c r="R3" s="1">
        <v>75</v>
      </c>
      <c r="S3" s="1">
        <v>17</v>
      </c>
      <c r="T3" s="1">
        <v>50</v>
      </c>
      <c r="U3" s="4">
        <v>2.2916666666666701E-3</v>
      </c>
      <c r="V3" s="1">
        <v>39</v>
      </c>
      <c r="W3" s="1">
        <v>2016</v>
      </c>
      <c r="X3" s="1">
        <v>11.607142857142858</v>
      </c>
      <c r="Y3" s="1">
        <v>44</v>
      </c>
      <c r="Z3" s="1">
        <v>31</v>
      </c>
      <c r="AA3" s="1">
        <v>31</v>
      </c>
      <c r="AB3" s="1">
        <v>50</v>
      </c>
      <c r="AC3" s="1">
        <v>41</v>
      </c>
      <c r="AD3" s="1">
        <v>1540</v>
      </c>
      <c r="AE3" s="1">
        <v>15.974025974025972</v>
      </c>
    </row>
    <row r="4" spans="1:31" x14ac:dyDescent="0.3">
      <c r="A4" s="1">
        <v>3</v>
      </c>
      <c r="B4" s="1">
        <v>0</v>
      </c>
      <c r="C4" s="1">
        <v>19</v>
      </c>
      <c r="D4" s="2">
        <v>1</v>
      </c>
      <c r="E4" s="1">
        <v>174</v>
      </c>
      <c r="F4" s="1">
        <v>65</v>
      </c>
      <c r="G4" s="1">
        <v>21.469150482230148</v>
      </c>
      <c r="H4" s="1">
        <v>13.5</v>
      </c>
      <c r="I4" s="1">
        <v>33.5</v>
      </c>
      <c r="J4" s="1">
        <v>226.125</v>
      </c>
      <c r="K4" s="4">
        <v>2.0717592592592602E-3</v>
      </c>
      <c r="L4" s="1">
        <v>58</v>
      </c>
      <c r="M4" s="1">
        <v>1488</v>
      </c>
      <c r="N4" s="1">
        <v>23.387096774193548</v>
      </c>
      <c r="O4" s="1">
        <v>42</v>
      </c>
      <c r="P4" s="1">
        <v>67</v>
      </c>
      <c r="Q4" s="1">
        <v>67</v>
      </c>
      <c r="R4" s="1">
        <v>50</v>
      </c>
      <c r="S4" s="1">
        <v>58</v>
      </c>
      <c r="T4" s="1">
        <v>67</v>
      </c>
      <c r="U4" s="4">
        <v>2.1527777777777799E-3</v>
      </c>
      <c r="V4" s="1">
        <v>55</v>
      </c>
      <c r="W4" s="1">
        <v>1818</v>
      </c>
      <c r="X4" s="1">
        <v>18.151815181518149</v>
      </c>
      <c r="Y4" s="1">
        <v>62</v>
      </c>
      <c r="Z4" s="1">
        <v>69</v>
      </c>
      <c r="AA4" s="1">
        <v>31</v>
      </c>
      <c r="AB4" s="1">
        <v>56</v>
      </c>
      <c r="AC4" s="1">
        <v>56.5</v>
      </c>
      <c r="AD4" s="1">
        <v>1653</v>
      </c>
      <c r="AE4" s="1">
        <v>20.508166969147005</v>
      </c>
    </row>
    <row r="5" spans="1:31" x14ac:dyDescent="0.3">
      <c r="A5" s="1">
        <v>4</v>
      </c>
      <c r="B5" s="1">
        <v>0</v>
      </c>
      <c r="C5" s="1">
        <v>21</v>
      </c>
      <c r="D5" s="2">
        <v>1</v>
      </c>
      <c r="E5" s="1">
        <v>160</v>
      </c>
      <c r="F5" s="1">
        <v>47</v>
      </c>
      <c r="G5" s="1">
        <v>18.359374999999996</v>
      </c>
      <c r="H5" s="1">
        <v>13</v>
      </c>
      <c r="I5" s="1">
        <v>31</v>
      </c>
      <c r="J5" s="1">
        <v>201.5</v>
      </c>
      <c r="K5" s="4">
        <v>2.0717592592592602E-3</v>
      </c>
      <c r="L5" s="1">
        <v>38</v>
      </c>
      <c r="M5" s="1">
        <v>1488</v>
      </c>
      <c r="N5" s="1">
        <v>15.32258064516129</v>
      </c>
      <c r="O5" s="1">
        <v>42</v>
      </c>
      <c r="P5" s="1">
        <v>50</v>
      </c>
      <c r="Q5" s="1">
        <v>33</v>
      </c>
      <c r="R5" s="1">
        <v>25</v>
      </c>
      <c r="S5" s="1">
        <v>33</v>
      </c>
      <c r="T5" s="1">
        <v>42</v>
      </c>
      <c r="U5" s="4">
        <v>2.5115740740740702E-3</v>
      </c>
      <c r="V5" s="1">
        <v>39</v>
      </c>
      <c r="W5" s="1">
        <v>2311</v>
      </c>
      <c r="X5" s="1">
        <v>10.125486802250109</v>
      </c>
      <c r="Y5" s="1">
        <v>31</v>
      </c>
      <c r="Z5" s="1">
        <v>38</v>
      </c>
      <c r="AA5" s="1">
        <v>44</v>
      </c>
      <c r="AB5" s="1">
        <v>44</v>
      </c>
      <c r="AC5" s="1">
        <v>38.5</v>
      </c>
      <c r="AD5" s="1">
        <v>1899.5</v>
      </c>
      <c r="AE5" s="1">
        <v>12.161095025006581</v>
      </c>
    </row>
    <row r="6" spans="1:31" x14ac:dyDescent="0.3">
      <c r="A6" s="1">
        <v>5</v>
      </c>
      <c r="B6" s="1">
        <v>0</v>
      </c>
      <c r="C6" s="1">
        <v>26</v>
      </c>
      <c r="D6" s="2">
        <v>1</v>
      </c>
      <c r="E6" s="1">
        <v>172</v>
      </c>
      <c r="F6" s="1">
        <v>88</v>
      </c>
      <c r="G6" s="1">
        <v>29.745808545159548</v>
      </c>
      <c r="H6" s="1">
        <v>15</v>
      </c>
      <c r="I6" s="1">
        <v>37</v>
      </c>
      <c r="J6" s="1">
        <v>277.5</v>
      </c>
      <c r="K6" s="4">
        <v>1.8981481481481501E-3</v>
      </c>
      <c r="L6" s="1">
        <v>71</v>
      </c>
      <c r="M6" s="1">
        <v>1281</v>
      </c>
      <c r="N6" s="1">
        <v>33.255269320843098</v>
      </c>
      <c r="O6" s="1">
        <v>58</v>
      </c>
      <c r="P6" s="1">
        <v>92</v>
      </c>
      <c r="Q6" s="1">
        <v>83</v>
      </c>
      <c r="R6" s="1">
        <v>67</v>
      </c>
      <c r="S6" s="1">
        <v>67</v>
      </c>
      <c r="T6" s="1">
        <v>58</v>
      </c>
      <c r="U6" s="4">
        <v>2.32638888888889E-3</v>
      </c>
      <c r="V6" s="1">
        <v>52</v>
      </c>
      <c r="W6" s="1">
        <v>2047</v>
      </c>
      <c r="X6" s="1">
        <v>15.241817293600391</v>
      </c>
      <c r="Y6" s="1">
        <v>50</v>
      </c>
      <c r="Z6" s="1">
        <v>56</v>
      </c>
      <c r="AA6" s="1">
        <v>50</v>
      </c>
      <c r="AB6" s="1">
        <v>50</v>
      </c>
      <c r="AC6" s="1">
        <v>61.5</v>
      </c>
      <c r="AD6" s="1">
        <v>1664</v>
      </c>
      <c r="AE6" s="1">
        <v>22.175480769230774</v>
      </c>
    </row>
    <row r="7" spans="1:31" x14ac:dyDescent="0.3">
      <c r="A7" s="1">
        <v>6</v>
      </c>
      <c r="B7" s="1">
        <v>0</v>
      </c>
      <c r="C7" s="1">
        <v>28</v>
      </c>
      <c r="D7" s="2">
        <v>1</v>
      </c>
      <c r="E7" s="1">
        <v>164</v>
      </c>
      <c r="F7" s="1">
        <v>68</v>
      </c>
      <c r="G7" s="1">
        <v>25.282569898869724</v>
      </c>
      <c r="H7" s="1">
        <v>14</v>
      </c>
      <c r="I7" s="1">
        <v>33</v>
      </c>
      <c r="J7" s="1">
        <v>231</v>
      </c>
      <c r="K7" s="4">
        <v>2.3148148148148099E-3</v>
      </c>
      <c r="L7" s="1">
        <v>46</v>
      </c>
      <c r="M7" s="1">
        <v>1769</v>
      </c>
      <c r="N7" s="1">
        <v>15.602035048049746</v>
      </c>
      <c r="O7" s="1">
        <v>67</v>
      </c>
      <c r="P7" s="1">
        <v>75</v>
      </c>
      <c r="Q7" s="1">
        <v>33</v>
      </c>
      <c r="R7" s="1">
        <v>42</v>
      </c>
      <c r="S7" s="1">
        <v>42</v>
      </c>
      <c r="T7" s="1">
        <v>17</v>
      </c>
      <c r="U7" s="4">
        <v>2.71990740740741E-3</v>
      </c>
      <c r="V7" s="1">
        <v>58</v>
      </c>
      <c r="W7" s="1">
        <v>2662</v>
      </c>
      <c r="X7" s="1">
        <v>13.072877535687454</v>
      </c>
      <c r="Y7" s="1">
        <v>62</v>
      </c>
      <c r="Z7" s="1">
        <v>50</v>
      </c>
      <c r="AA7" s="1">
        <v>56</v>
      </c>
      <c r="AB7" s="1">
        <v>62</v>
      </c>
      <c r="AC7" s="1">
        <v>52</v>
      </c>
      <c r="AD7" s="1">
        <v>2215.5</v>
      </c>
      <c r="AE7" s="1">
        <v>14.082599864590387</v>
      </c>
    </row>
    <row r="8" spans="1:31" x14ac:dyDescent="0.3">
      <c r="A8" s="1">
        <v>7</v>
      </c>
      <c r="B8" s="1">
        <v>0</v>
      </c>
      <c r="C8" s="1">
        <v>18</v>
      </c>
      <c r="D8" s="2">
        <v>1</v>
      </c>
      <c r="E8" s="1">
        <v>165</v>
      </c>
      <c r="F8" s="1">
        <v>65</v>
      </c>
      <c r="G8" s="1">
        <v>23.875114784205696</v>
      </c>
      <c r="H8" s="1">
        <v>11</v>
      </c>
      <c r="I8" s="1">
        <v>37</v>
      </c>
      <c r="J8" s="1">
        <v>203.5</v>
      </c>
      <c r="K8" s="4">
        <v>1.68981481481481E-3</v>
      </c>
      <c r="L8" s="1">
        <v>62</v>
      </c>
      <c r="M8" s="1">
        <v>1027</v>
      </c>
      <c r="N8" s="1">
        <v>36.222005842259009</v>
      </c>
      <c r="O8" s="1">
        <v>50</v>
      </c>
      <c r="P8" s="1">
        <v>50</v>
      </c>
      <c r="Q8" s="1">
        <v>67</v>
      </c>
      <c r="R8" s="1">
        <v>67</v>
      </c>
      <c r="S8" s="1">
        <v>58</v>
      </c>
      <c r="T8" s="1">
        <v>83</v>
      </c>
      <c r="U8" s="4">
        <v>2.1990740740740699E-3</v>
      </c>
      <c r="V8" s="1">
        <v>52</v>
      </c>
      <c r="W8" s="1">
        <v>1940</v>
      </c>
      <c r="X8" s="1">
        <v>16.082474226804123</v>
      </c>
      <c r="Y8" s="1">
        <v>50</v>
      </c>
      <c r="Z8" s="1">
        <v>56</v>
      </c>
      <c r="AA8" s="1">
        <v>50</v>
      </c>
      <c r="AB8" s="1">
        <v>50</v>
      </c>
      <c r="AC8" s="1">
        <v>57</v>
      </c>
      <c r="AD8" s="1">
        <v>1483.5</v>
      </c>
      <c r="AE8" s="1">
        <v>23.053589484327603</v>
      </c>
    </row>
    <row r="9" spans="1:31" x14ac:dyDescent="0.3">
      <c r="A9" s="1">
        <v>8</v>
      </c>
      <c r="B9" s="1">
        <v>0</v>
      </c>
      <c r="C9" s="1">
        <v>21</v>
      </c>
      <c r="D9" s="2">
        <v>1</v>
      </c>
      <c r="E9" s="1">
        <v>163</v>
      </c>
      <c r="F9" s="1">
        <v>54</v>
      </c>
      <c r="G9" s="1">
        <v>20.324438255109339</v>
      </c>
      <c r="H9" s="1">
        <v>13</v>
      </c>
      <c r="I9" s="1">
        <v>33</v>
      </c>
      <c r="J9" s="1">
        <v>214.5</v>
      </c>
      <c r="K9" s="4">
        <v>1.90972222222222E-3</v>
      </c>
      <c r="L9" s="1">
        <v>71</v>
      </c>
      <c r="M9" s="1">
        <v>1296</v>
      </c>
      <c r="N9" s="1">
        <v>32.870370370370367</v>
      </c>
      <c r="O9" s="1">
        <v>67</v>
      </c>
      <c r="P9" s="1">
        <v>83</v>
      </c>
      <c r="Q9" s="1">
        <v>75</v>
      </c>
      <c r="R9" s="1">
        <v>75</v>
      </c>
      <c r="S9" s="1">
        <v>58</v>
      </c>
      <c r="T9" s="1">
        <v>67</v>
      </c>
      <c r="U9" s="4">
        <v>2.44212962962963E-3</v>
      </c>
      <c r="V9" s="1">
        <v>44</v>
      </c>
      <c r="W9" s="1">
        <v>2215</v>
      </c>
      <c r="X9" s="1">
        <v>11.918735891647858</v>
      </c>
      <c r="Y9" s="1">
        <v>31</v>
      </c>
      <c r="Z9" s="1">
        <v>38</v>
      </c>
      <c r="AA9" s="1">
        <v>56</v>
      </c>
      <c r="AB9" s="1">
        <v>50</v>
      </c>
      <c r="AC9" s="1">
        <v>57.5</v>
      </c>
      <c r="AD9" s="1">
        <v>1755.5</v>
      </c>
      <c r="AE9" s="1">
        <v>19.65252064938764</v>
      </c>
    </row>
    <row r="10" spans="1:31" x14ac:dyDescent="0.3">
      <c r="A10" s="1">
        <v>9</v>
      </c>
      <c r="B10" s="1">
        <v>0</v>
      </c>
      <c r="C10" s="1">
        <v>21</v>
      </c>
      <c r="D10" s="2">
        <v>1</v>
      </c>
      <c r="E10" s="1">
        <v>166</v>
      </c>
      <c r="F10" s="1">
        <v>59</v>
      </c>
      <c r="G10" s="1">
        <v>21.410944984758313</v>
      </c>
      <c r="H10" s="1">
        <v>15</v>
      </c>
      <c r="I10" s="1">
        <v>30.5</v>
      </c>
      <c r="J10" s="1">
        <v>228.75</v>
      </c>
      <c r="K10" s="4">
        <v>2.3726851851851899E-3</v>
      </c>
      <c r="L10" s="1">
        <v>71</v>
      </c>
      <c r="M10" s="1">
        <v>1843</v>
      </c>
      <c r="N10" s="1">
        <v>23.114487249050459</v>
      </c>
      <c r="O10" s="1">
        <v>58</v>
      </c>
      <c r="P10" s="1">
        <v>83</v>
      </c>
      <c r="Q10" s="1">
        <v>58</v>
      </c>
      <c r="R10" s="1">
        <v>67</v>
      </c>
      <c r="S10" s="1">
        <v>83</v>
      </c>
      <c r="T10" s="1">
        <v>75</v>
      </c>
      <c r="U10" s="4">
        <v>2.5578703703703701E-3</v>
      </c>
      <c r="V10" s="1">
        <v>61</v>
      </c>
      <c r="W10" s="1">
        <v>2407</v>
      </c>
      <c r="X10" s="1">
        <v>15.205650186954717</v>
      </c>
      <c r="Y10" s="1">
        <v>69</v>
      </c>
      <c r="Z10" s="1">
        <v>69</v>
      </c>
      <c r="AA10" s="1">
        <v>56</v>
      </c>
      <c r="AB10" s="1">
        <v>50</v>
      </c>
      <c r="AC10" s="1">
        <v>66</v>
      </c>
      <c r="AD10" s="1">
        <v>2125</v>
      </c>
      <c r="AE10" s="1">
        <v>18.63529411764706</v>
      </c>
    </row>
    <row r="11" spans="1:31" x14ac:dyDescent="0.3">
      <c r="A11" s="1">
        <v>10</v>
      </c>
      <c r="B11" s="1">
        <v>0</v>
      </c>
      <c r="C11" s="1">
        <v>24</v>
      </c>
      <c r="D11" s="2">
        <v>1</v>
      </c>
      <c r="E11" s="1">
        <v>170</v>
      </c>
      <c r="F11" s="1">
        <v>70</v>
      </c>
      <c r="G11" s="1">
        <v>24.221453287197235</v>
      </c>
      <c r="H11" s="1">
        <v>13.5</v>
      </c>
      <c r="I11" s="1">
        <v>34</v>
      </c>
      <c r="J11" s="1">
        <v>229.5</v>
      </c>
      <c r="K11" s="4">
        <v>2.3148148148148099E-3</v>
      </c>
      <c r="L11" s="1">
        <v>68</v>
      </c>
      <c r="M11" s="1">
        <v>1777</v>
      </c>
      <c r="N11" s="1">
        <v>22.960045019696118</v>
      </c>
      <c r="O11" s="1">
        <v>67</v>
      </c>
      <c r="P11" s="1">
        <v>75</v>
      </c>
      <c r="Q11" s="1">
        <v>75</v>
      </c>
      <c r="R11" s="1">
        <v>75</v>
      </c>
      <c r="S11" s="1">
        <v>58</v>
      </c>
      <c r="T11" s="1">
        <v>58</v>
      </c>
      <c r="U11" s="4">
        <v>2.5694444444444402E-3</v>
      </c>
      <c r="V11" s="1">
        <v>59</v>
      </c>
      <c r="W11" s="1">
        <v>2428</v>
      </c>
      <c r="X11" s="1">
        <v>14.57990115321252</v>
      </c>
      <c r="Y11" s="1">
        <v>62</v>
      </c>
      <c r="Z11" s="1">
        <v>56</v>
      </c>
      <c r="AA11" s="1">
        <v>62</v>
      </c>
      <c r="AB11" s="1">
        <v>56</v>
      </c>
      <c r="AC11" s="1">
        <v>63.5</v>
      </c>
      <c r="AD11" s="1">
        <v>2102.5</v>
      </c>
      <c r="AE11" s="1">
        <v>18.121284185493462</v>
      </c>
    </row>
    <row r="12" spans="1:31" x14ac:dyDescent="0.3">
      <c r="A12" s="1">
        <v>11</v>
      </c>
      <c r="B12" s="1">
        <v>1</v>
      </c>
      <c r="C12" s="1">
        <v>25</v>
      </c>
      <c r="D12" s="2">
        <v>1</v>
      </c>
      <c r="E12" s="1">
        <v>186</v>
      </c>
      <c r="F12" s="1">
        <v>102</v>
      </c>
      <c r="G12" s="1">
        <v>29.483177245924381</v>
      </c>
      <c r="H12" s="1">
        <v>15</v>
      </c>
      <c r="I12" s="1">
        <v>44</v>
      </c>
      <c r="J12" s="1">
        <v>330</v>
      </c>
      <c r="K12" s="4">
        <v>2.04861111111111E-3</v>
      </c>
      <c r="L12" s="1">
        <v>46</v>
      </c>
      <c r="M12" s="1">
        <v>1458</v>
      </c>
      <c r="N12" s="1">
        <v>18.930041152263374</v>
      </c>
      <c r="O12" s="1">
        <v>33</v>
      </c>
      <c r="P12" s="1">
        <v>50</v>
      </c>
      <c r="Q12" s="1">
        <v>50</v>
      </c>
      <c r="R12" s="1">
        <v>67</v>
      </c>
      <c r="S12" s="1">
        <v>58</v>
      </c>
      <c r="T12" s="1">
        <v>17</v>
      </c>
      <c r="U12" s="4">
        <v>2.2569444444444399E-3</v>
      </c>
      <c r="V12" s="1">
        <v>64</v>
      </c>
      <c r="W12" s="1">
        <v>1988</v>
      </c>
      <c r="X12" s="1">
        <v>19.315895372233399</v>
      </c>
      <c r="Y12" s="1">
        <v>81</v>
      </c>
      <c r="Z12" s="1">
        <v>69</v>
      </c>
      <c r="AA12" s="1">
        <v>69</v>
      </c>
      <c r="AB12" s="1">
        <v>38</v>
      </c>
      <c r="AC12" s="1">
        <v>55</v>
      </c>
      <c r="AD12" s="1">
        <v>1723</v>
      </c>
      <c r="AE12" s="1">
        <v>19.152640742890309</v>
      </c>
    </row>
    <row r="13" spans="1:31" x14ac:dyDescent="0.3">
      <c r="A13" s="1">
        <v>12</v>
      </c>
      <c r="B13" s="1">
        <v>1</v>
      </c>
      <c r="C13" s="1">
        <v>27</v>
      </c>
      <c r="D13" s="2">
        <v>1</v>
      </c>
      <c r="E13" s="1">
        <v>170</v>
      </c>
      <c r="F13" s="1">
        <v>62</v>
      </c>
      <c r="G13" s="1">
        <v>21.453287197231838</v>
      </c>
      <c r="H13" s="1">
        <v>15</v>
      </c>
      <c r="I13" s="1">
        <v>37</v>
      </c>
      <c r="J13" s="1">
        <v>277.5</v>
      </c>
      <c r="K13" s="4">
        <v>1.8981481481481501E-3</v>
      </c>
      <c r="L13" s="1">
        <v>56</v>
      </c>
      <c r="M13" s="1">
        <v>1267</v>
      </c>
      <c r="N13" s="1">
        <v>26.519337016574585</v>
      </c>
      <c r="O13" s="1">
        <v>50</v>
      </c>
      <c r="P13" s="1">
        <v>67</v>
      </c>
      <c r="Q13" s="1">
        <v>42</v>
      </c>
      <c r="R13" s="1">
        <v>42</v>
      </c>
      <c r="S13" s="1">
        <v>67</v>
      </c>
      <c r="T13" s="1">
        <v>67</v>
      </c>
      <c r="U13" s="4">
        <v>2.38425925925926E-3</v>
      </c>
      <c r="V13" s="1">
        <v>61</v>
      </c>
      <c r="W13" s="1">
        <v>2218</v>
      </c>
      <c r="X13" s="1">
        <v>16.501352569882776</v>
      </c>
      <c r="Y13" s="1">
        <v>50</v>
      </c>
      <c r="Z13" s="1">
        <v>50</v>
      </c>
      <c r="AA13" s="1">
        <v>69</v>
      </c>
      <c r="AB13" s="1">
        <v>75</v>
      </c>
      <c r="AC13" s="1">
        <v>58.5</v>
      </c>
      <c r="AD13" s="1">
        <v>1742.5</v>
      </c>
      <c r="AE13" s="1">
        <v>20.143472022955521</v>
      </c>
    </row>
    <row r="14" spans="1:31" x14ac:dyDescent="0.3">
      <c r="A14" s="1">
        <v>13</v>
      </c>
      <c r="B14" s="1">
        <v>1</v>
      </c>
      <c r="C14" s="1">
        <v>23</v>
      </c>
      <c r="D14" s="2">
        <v>1</v>
      </c>
      <c r="E14" s="1">
        <v>178</v>
      </c>
      <c r="F14" s="1">
        <v>73</v>
      </c>
      <c r="G14" s="1">
        <v>23.040020199469762</v>
      </c>
      <c r="H14" s="1">
        <v>18</v>
      </c>
      <c r="I14" s="1">
        <v>37</v>
      </c>
      <c r="J14" s="1">
        <v>333</v>
      </c>
      <c r="K14" s="4">
        <v>2.2337962962963001E-3</v>
      </c>
      <c r="L14" s="1">
        <v>71</v>
      </c>
      <c r="M14" s="1">
        <v>1674</v>
      </c>
      <c r="N14" s="1">
        <v>25.448028673835125</v>
      </c>
      <c r="O14" s="1">
        <v>50</v>
      </c>
      <c r="P14" s="1">
        <v>67</v>
      </c>
      <c r="Q14" s="1">
        <v>67</v>
      </c>
      <c r="R14" s="1">
        <v>75</v>
      </c>
      <c r="S14" s="1">
        <v>83</v>
      </c>
      <c r="T14" s="1">
        <v>83</v>
      </c>
      <c r="U14" s="4">
        <v>2.4652777777777802E-3</v>
      </c>
      <c r="V14" s="1">
        <v>56</v>
      </c>
      <c r="W14" s="1">
        <v>2330</v>
      </c>
      <c r="X14" s="1">
        <v>14.420600858369099</v>
      </c>
      <c r="Y14" s="1">
        <v>56</v>
      </c>
      <c r="Z14" s="1">
        <v>56</v>
      </c>
      <c r="AA14" s="1">
        <v>50</v>
      </c>
      <c r="AB14" s="1">
        <v>62</v>
      </c>
      <c r="AC14" s="1">
        <v>63.5</v>
      </c>
      <c r="AD14" s="1">
        <v>2002</v>
      </c>
      <c r="AE14" s="1">
        <v>19.030969030969032</v>
      </c>
    </row>
    <row r="15" spans="1:31" x14ac:dyDescent="0.3">
      <c r="A15" s="1">
        <v>14</v>
      </c>
      <c r="B15" s="1">
        <v>1</v>
      </c>
      <c r="C15" s="1">
        <v>22</v>
      </c>
      <c r="D15" s="2">
        <v>1</v>
      </c>
      <c r="E15" s="1">
        <v>175</v>
      </c>
      <c r="F15" s="1">
        <v>70</v>
      </c>
      <c r="G15" s="1">
        <v>22.857142857142858</v>
      </c>
      <c r="H15" s="1">
        <v>14</v>
      </c>
      <c r="I15" s="1">
        <v>38</v>
      </c>
      <c r="J15" s="1">
        <v>266</v>
      </c>
      <c r="K15" s="4">
        <v>2.1990740740740699E-3</v>
      </c>
      <c r="L15" s="1">
        <v>67</v>
      </c>
      <c r="M15" s="1">
        <v>1634</v>
      </c>
      <c r="N15" s="1">
        <v>24.602203182374545</v>
      </c>
      <c r="O15" s="1">
        <v>75</v>
      </c>
      <c r="P15" s="1">
        <v>83</v>
      </c>
      <c r="Q15" s="1">
        <v>75</v>
      </c>
      <c r="R15" s="1">
        <v>50</v>
      </c>
      <c r="S15" s="1">
        <v>58</v>
      </c>
      <c r="T15" s="1">
        <v>58</v>
      </c>
      <c r="U15" s="4">
        <v>2.6851851851851802E-3</v>
      </c>
      <c r="V15" s="1">
        <v>41</v>
      </c>
      <c r="W15" s="1">
        <v>2301</v>
      </c>
      <c r="X15" s="1">
        <v>10.691003911342895</v>
      </c>
      <c r="Y15" s="1">
        <v>38</v>
      </c>
      <c r="Z15" s="1">
        <v>25</v>
      </c>
      <c r="AA15" s="1">
        <v>56</v>
      </c>
      <c r="AB15" s="1">
        <v>44</v>
      </c>
      <c r="AC15" s="1">
        <v>54</v>
      </c>
      <c r="AD15" s="1">
        <v>1967.5</v>
      </c>
      <c r="AE15" s="1">
        <v>16.467598475222363</v>
      </c>
    </row>
    <row r="16" spans="1:31" x14ac:dyDescent="0.3">
      <c r="A16" s="1">
        <v>15</v>
      </c>
      <c r="B16" s="1">
        <v>1</v>
      </c>
      <c r="C16" s="1">
        <v>18</v>
      </c>
      <c r="D16" s="2">
        <v>1</v>
      </c>
      <c r="E16" s="1">
        <v>187</v>
      </c>
      <c r="F16" s="1">
        <v>91</v>
      </c>
      <c r="G16" s="1">
        <v>26.023048986244955</v>
      </c>
      <c r="H16" s="1">
        <v>16</v>
      </c>
      <c r="I16" s="1">
        <v>39.5</v>
      </c>
      <c r="J16" s="1">
        <v>316</v>
      </c>
      <c r="K16" s="4">
        <v>1.80555555555556E-3</v>
      </c>
      <c r="L16" s="1">
        <v>67</v>
      </c>
      <c r="M16" s="1">
        <v>1158</v>
      </c>
      <c r="N16" s="1">
        <v>34.715025906735747</v>
      </c>
      <c r="O16" s="1">
        <v>58</v>
      </c>
      <c r="P16" s="1">
        <v>75</v>
      </c>
      <c r="Q16" s="1">
        <v>58</v>
      </c>
      <c r="R16" s="1">
        <v>58</v>
      </c>
      <c r="S16" s="1">
        <v>83</v>
      </c>
      <c r="T16" s="1">
        <v>67</v>
      </c>
      <c r="U16" s="4">
        <v>2.2453703703703698E-3</v>
      </c>
      <c r="V16" s="1">
        <v>59</v>
      </c>
      <c r="W16" s="1">
        <v>1930</v>
      </c>
      <c r="X16" s="1">
        <v>18.3419689119171</v>
      </c>
      <c r="Y16" s="1">
        <v>56</v>
      </c>
      <c r="Z16" s="1">
        <v>56</v>
      </c>
      <c r="AA16" s="1">
        <v>75</v>
      </c>
      <c r="AB16" s="1">
        <v>50</v>
      </c>
      <c r="AC16" s="1">
        <v>63</v>
      </c>
      <c r="AD16" s="1">
        <v>1544</v>
      </c>
      <c r="AE16" s="1">
        <v>24.481865284974095</v>
      </c>
    </row>
    <row r="17" spans="1:31" x14ac:dyDescent="0.3">
      <c r="A17" s="1">
        <v>16</v>
      </c>
      <c r="B17" s="1">
        <v>1</v>
      </c>
      <c r="C17" s="1">
        <v>27</v>
      </c>
      <c r="D17" s="2">
        <v>1</v>
      </c>
      <c r="E17" s="1">
        <v>179</v>
      </c>
      <c r="F17" s="1">
        <v>70</v>
      </c>
      <c r="G17" s="1">
        <v>21.847008520333322</v>
      </c>
      <c r="H17" s="1">
        <v>13.5</v>
      </c>
      <c r="I17" s="1">
        <v>35.5</v>
      </c>
      <c r="J17" s="1">
        <v>239.625</v>
      </c>
      <c r="K17" s="4">
        <v>2.32638888888889E-3</v>
      </c>
      <c r="L17" s="1">
        <v>51</v>
      </c>
      <c r="M17" s="1">
        <v>1749</v>
      </c>
      <c r="N17" s="1">
        <v>17.495711835334475</v>
      </c>
      <c r="O17" s="1">
        <v>50</v>
      </c>
      <c r="P17" s="1">
        <v>25</v>
      </c>
      <c r="Q17" s="1">
        <v>33</v>
      </c>
      <c r="R17" s="1">
        <v>67</v>
      </c>
      <c r="S17" s="1">
        <v>83</v>
      </c>
      <c r="T17" s="1">
        <v>50</v>
      </c>
      <c r="U17" s="4">
        <v>2.8124999999999999E-3</v>
      </c>
      <c r="V17" s="1">
        <v>52</v>
      </c>
      <c r="W17" s="1">
        <v>2686</v>
      </c>
      <c r="X17" s="1">
        <v>11.61578555472822</v>
      </c>
      <c r="Y17" s="1">
        <v>38</v>
      </c>
      <c r="Z17" s="1">
        <v>69</v>
      </c>
      <c r="AA17" s="1">
        <v>56</v>
      </c>
      <c r="AB17" s="1">
        <v>44</v>
      </c>
      <c r="AC17" s="1">
        <v>51.5</v>
      </c>
      <c r="AD17" s="1">
        <v>2217.5</v>
      </c>
      <c r="AE17" s="1">
        <v>13.934611048478017</v>
      </c>
    </row>
    <row r="18" spans="1:31" x14ac:dyDescent="0.3">
      <c r="A18" s="1">
        <v>17</v>
      </c>
      <c r="B18" s="1">
        <v>1</v>
      </c>
      <c r="C18" s="1">
        <v>29</v>
      </c>
      <c r="D18" s="2">
        <v>1</v>
      </c>
      <c r="E18" s="1">
        <v>182</v>
      </c>
      <c r="F18" s="1">
        <v>83</v>
      </c>
      <c r="G18" s="1">
        <v>25.057360222195385</v>
      </c>
      <c r="H18" s="1">
        <v>17</v>
      </c>
      <c r="I18" s="1">
        <v>37</v>
      </c>
      <c r="J18" s="1">
        <v>314.5</v>
      </c>
      <c r="K18" s="4">
        <v>2.0138888888888901E-3</v>
      </c>
      <c r="L18" s="1">
        <v>76</v>
      </c>
      <c r="M18" s="1">
        <v>1416</v>
      </c>
      <c r="N18" s="1">
        <v>32.203389830508478</v>
      </c>
      <c r="O18" s="1">
        <v>83</v>
      </c>
      <c r="P18" s="1">
        <v>67</v>
      </c>
      <c r="Q18" s="1">
        <v>75</v>
      </c>
      <c r="R18" s="1">
        <v>83</v>
      </c>
      <c r="S18" s="1">
        <v>75</v>
      </c>
      <c r="T18" s="1">
        <v>75</v>
      </c>
      <c r="U18" s="4">
        <v>2.3148148148148099E-3</v>
      </c>
      <c r="V18" s="1">
        <v>47</v>
      </c>
      <c r="W18" s="1">
        <v>2020</v>
      </c>
      <c r="X18" s="1">
        <v>13.96039603960396</v>
      </c>
      <c r="Y18" s="1">
        <v>25</v>
      </c>
      <c r="Z18" s="1">
        <v>50</v>
      </c>
      <c r="AA18" s="1">
        <v>56</v>
      </c>
      <c r="AB18" s="1">
        <v>56</v>
      </c>
      <c r="AC18" s="1">
        <v>61.5</v>
      </c>
      <c r="AD18" s="1">
        <v>1718</v>
      </c>
      <c r="AE18" s="1">
        <v>21.47846332945285</v>
      </c>
    </row>
    <row r="19" spans="1:31" x14ac:dyDescent="0.3">
      <c r="A19" s="1">
        <v>18</v>
      </c>
      <c r="B19" s="1">
        <v>1</v>
      </c>
      <c r="C19" s="1">
        <v>25</v>
      </c>
      <c r="D19" s="2">
        <v>1</v>
      </c>
      <c r="E19" s="1">
        <v>191</v>
      </c>
      <c r="F19" s="1">
        <v>78</v>
      </c>
      <c r="G19" s="1">
        <v>21.380992845590857</v>
      </c>
      <c r="H19" s="1">
        <v>17</v>
      </c>
      <c r="I19" s="1">
        <v>37.5</v>
      </c>
      <c r="J19" s="1">
        <v>318.75</v>
      </c>
      <c r="K19" s="4">
        <v>2.1527777777777799E-3</v>
      </c>
      <c r="L19" s="1">
        <v>89</v>
      </c>
      <c r="M19" s="1">
        <v>1575</v>
      </c>
      <c r="N19" s="1">
        <v>33.904761904761905</v>
      </c>
      <c r="O19" s="1">
        <v>92</v>
      </c>
      <c r="P19" s="1">
        <v>100</v>
      </c>
      <c r="Q19" s="1">
        <v>92</v>
      </c>
      <c r="R19" s="1">
        <v>83</v>
      </c>
      <c r="S19" s="1">
        <v>92</v>
      </c>
      <c r="T19" s="1">
        <v>75</v>
      </c>
      <c r="U19" s="4">
        <v>2.5000000000000001E-3</v>
      </c>
      <c r="V19" s="1">
        <v>58</v>
      </c>
      <c r="W19" s="1">
        <v>2297</v>
      </c>
      <c r="X19" s="1">
        <v>15.150195907705701</v>
      </c>
      <c r="Y19" s="1">
        <v>38</v>
      </c>
      <c r="Z19" s="1">
        <v>62</v>
      </c>
      <c r="AA19" s="1">
        <v>69</v>
      </c>
      <c r="AB19" s="1">
        <v>62</v>
      </c>
      <c r="AC19" s="1">
        <v>73.5</v>
      </c>
      <c r="AD19" s="1">
        <v>1936</v>
      </c>
      <c r="AE19" s="1">
        <v>22.778925619834713</v>
      </c>
    </row>
    <row r="20" spans="1:31" x14ac:dyDescent="0.3">
      <c r="A20" s="1">
        <v>19</v>
      </c>
      <c r="B20" s="1">
        <v>1</v>
      </c>
      <c r="C20" s="1">
        <v>27</v>
      </c>
      <c r="D20" s="2">
        <v>1</v>
      </c>
      <c r="E20" s="1">
        <v>180</v>
      </c>
      <c r="F20" s="1">
        <v>83</v>
      </c>
      <c r="G20" s="1">
        <v>25.617283950617281</v>
      </c>
      <c r="H20" s="1">
        <v>15.5</v>
      </c>
      <c r="I20" s="1">
        <v>37.5</v>
      </c>
      <c r="J20" s="1">
        <v>290.625</v>
      </c>
      <c r="K20" s="4">
        <v>2.4305555555555599E-3</v>
      </c>
      <c r="L20" s="1">
        <v>64</v>
      </c>
      <c r="M20" s="1">
        <v>1914</v>
      </c>
      <c r="N20" s="1">
        <v>20.062695924764892</v>
      </c>
      <c r="O20" s="1">
        <v>75</v>
      </c>
      <c r="P20" s="1">
        <v>42</v>
      </c>
      <c r="Q20" s="1">
        <v>42</v>
      </c>
      <c r="R20" s="1">
        <v>83</v>
      </c>
      <c r="S20" s="1">
        <v>58</v>
      </c>
      <c r="T20" s="1">
        <v>83</v>
      </c>
      <c r="U20" s="4">
        <v>2.3379629629629601E-3</v>
      </c>
      <c r="V20" s="1">
        <v>73</v>
      </c>
      <c r="W20" s="1">
        <v>2147</v>
      </c>
      <c r="X20" s="1">
        <v>20.400558919422448</v>
      </c>
      <c r="Y20" s="1">
        <v>56</v>
      </c>
      <c r="Z20" s="1">
        <v>81</v>
      </c>
      <c r="AA20" s="1">
        <v>81</v>
      </c>
      <c r="AB20" s="1">
        <v>75</v>
      </c>
      <c r="AC20" s="1">
        <v>68.5</v>
      </c>
      <c r="AD20" s="1">
        <v>2030.5</v>
      </c>
      <c r="AE20" s="1">
        <v>20.241319871952722</v>
      </c>
    </row>
    <row r="21" spans="1:31" x14ac:dyDescent="0.3">
      <c r="A21" s="1">
        <v>20</v>
      </c>
      <c r="B21" s="1">
        <v>1</v>
      </c>
      <c r="C21" s="1">
        <v>20</v>
      </c>
      <c r="D21" s="2">
        <v>1</v>
      </c>
      <c r="E21" s="1">
        <v>175</v>
      </c>
      <c r="F21" s="1">
        <v>82.5</v>
      </c>
      <c r="G21" s="1">
        <v>26.938775510204081</v>
      </c>
      <c r="H21" s="1">
        <v>13</v>
      </c>
      <c r="I21" s="1">
        <v>37</v>
      </c>
      <c r="J21" s="1">
        <v>240.5</v>
      </c>
      <c r="K21" s="4">
        <v>2.5694444444444402E-3</v>
      </c>
      <c r="L21" s="1">
        <v>81</v>
      </c>
      <c r="M21" s="1">
        <v>2076</v>
      </c>
      <c r="N21" s="1">
        <v>23.410404624277458</v>
      </c>
      <c r="O21" s="1">
        <v>83</v>
      </c>
      <c r="P21" s="1">
        <v>92</v>
      </c>
      <c r="Q21" s="1">
        <v>75</v>
      </c>
      <c r="R21" s="1">
        <v>75</v>
      </c>
      <c r="S21" s="1">
        <v>75</v>
      </c>
      <c r="T21" s="1">
        <v>83</v>
      </c>
      <c r="U21" s="4">
        <v>2.5231481481481498E-3</v>
      </c>
      <c r="V21" s="1">
        <v>61</v>
      </c>
      <c r="W21" s="1">
        <v>2289</v>
      </c>
      <c r="X21" s="1">
        <v>15.989515072083879</v>
      </c>
      <c r="Y21" s="1">
        <v>38</v>
      </c>
      <c r="Z21" s="1">
        <v>56</v>
      </c>
      <c r="AA21" s="1">
        <v>75</v>
      </c>
      <c r="AB21" s="1">
        <v>75</v>
      </c>
      <c r="AC21" s="1">
        <v>71</v>
      </c>
      <c r="AD21" s="1">
        <v>2182.5</v>
      </c>
      <c r="AE21" s="1">
        <v>19.51890034364261</v>
      </c>
    </row>
    <row r="22" spans="1:31" x14ac:dyDescent="0.3">
      <c r="A22" s="1">
        <v>21</v>
      </c>
      <c r="B22" s="1">
        <v>0</v>
      </c>
      <c r="C22" s="1">
        <v>38</v>
      </c>
      <c r="D22" s="2">
        <v>2</v>
      </c>
      <c r="E22" s="1">
        <v>169</v>
      </c>
      <c r="F22" s="1">
        <v>73</v>
      </c>
      <c r="G22" s="1">
        <v>25.559329155141629</v>
      </c>
      <c r="H22" s="1">
        <v>15</v>
      </c>
      <c r="I22" s="1">
        <v>32.5</v>
      </c>
      <c r="J22" s="1">
        <v>243.75</v>
      </c>
      <c r="K22" s="4">
        <v>2.4768518518518499E-3</v>
      </c>
      <c r="L22" s="1">
        <v>35</v>
      </c>
      <c r="M22" s="1">
        <v>1964</v>
      </c>
      <c r="N22" s="1">
        <v>10.692464358452138</v>
      </c>
      <c r="O22" s="1">
        <v>25</v>
      </c>
      <c r="P22" s="1">
        <v>42</v>
      </c>
      <c r="Q22" s="1">
        <v>33</v>
      </c>
      <c r="R22" s="1">
        <v>50</v>
      </c>
      <c r="S22" s="1">
        <v>33</v>
      </c>
      <c r="T22" s="1">
        <v>25</v>
      </c>
      <c r="U22" s="4">
        <v>3.76157407407407E-3</v>
      </c>
      <c r="V22" s="1">
        <v>30</v>
      </c>
      <c r="W22" s="1">
        <v>3183</v>
      </c>
      <c r="X22" s="1">
        <v>5.6550424128180969</v>
      </c>
      <c r="Y22" s="1">
        <v>44</v>
      </c>
      <c r="Z22" s="1">
        <v>25</v>
      </c>
      <c r="AA22" s="1">
        <v>31</v>
      </c>
      <c r="AB22" s="1">
        <v>19</v>
      </c>
      <c r="AC22" s="1">
        <v>32.5</v>
      </c>
      <c r="AD22" s="1">
        <v>2573.5</v>
      </c>
      <c r="AE22" s="1">
        <v>7.5772294540509026</v>
      </c>
    </row>
    <row r="23" spans="1:31" x14ac:dyDescent="0.3">
      <c r="A23" s="1">
        <v>22</v>
      </c>
      <c r="B23" s="1">
        <v>0</v>
      </c>
      <c r="C23" s="1">
        <v>37</v>
      </c>
      <c r="D23" s="2">
        <v>2</v>
      </c>
      <c r="E23" s="1">
        <v>160</v>
      </c>
      <c r="F23" s="1">
        <v>55</v>
      </c>
      <c r="G23" s="1">
        <v>21.484374999999996</v>
      </c>
      <c r="H23" s="1">
        <v>14</v>
      </c>
      <c r="I23" s="1">
        <v>34</v>
      </c>
      <c r="J23" s="1">
        <v>238</v>
      </c>
      <c r="K23" s="4">
        <v>2.2569444444444399E-3</v>
      </c>
      <c r="L23" s="1">
        <v>60</v>
      </c>
      <c r="M23" s="1">
        <v>1703</v>
      </c>
      <c r="N23" s="1">
        <v>21.139166177334118</v>
      </c>
      <c r="O23" s="1">
        <v>67</v>
      </c>
      <c r="P23" s="1">
        <v>33</v>
      </c>
      <c r="Q23" s="1">
        <v>67</v>
      </c>
      <c r="R23" s="1">
        <v>75</v>
      </c>
      <c r="S23" s="1">
        <v>67</v>
      </c>
      <c r="T23" s="1">
        <v>50</v>
      </c>
      <c r="U23" s="4">
        <v>2.9629629629629602E-3</v>
      </c>
      <c r="V23" s="1">
        <v>52</v>
      </c>
      <c r="W23" s="1">
        <v>2635</v>
      </c>
      <c r="X23" s="1">
        <v>11.840607210626187</v>
      </c>
      <c r="Y23" s="1">
        <v>50</v>
      </c>
      <c r="Z23" s="1">
        <v>62</v>
      </c>
      <c r="AA23" s="1">
        <v>56</v>
      </c>
      <c r="AB23" s="1">
        <v>38</v>
      </c>
      <c r="AC23" s="1">
        <v>56</v>
      </c>
      <c r="AD23" s="1">
        <v>2169</v>
      </c>
      <c r="AE23" s="1">
        <v>15.491009681881053</v>
      </c>
    </row>
    <row r="24" spans="1:31" x14ac:dyDescent="0.3">
      <c r="A24" s="1">
        <v>23</v>
      </c>
      <c r="B24" s="1">
        <v>0</v>
      </c>
      <c r="C24" s="1">
        <v>33</v>
      </c>
      <c r="D24" s="2">
        <v>2</v>
      </c>
      <c r="E24" s="1">
        <v>164</v>
      </c>
      <c r="F24" s="1">
        <v>52</v>
      </c>
      <c r="G24" s="1">
        <v>19.333729922665082</v>
      </c>
      <c r="H24" s="1">
        <v>12.5</v>
      </c>
      <c r="I24" s="1">
        <v>30.5</v>
      </c>
      <c r="J24" s="1">
        <v>190.625</v>
      </c>
      <c r="K24" s="4">
        <v>2.1296296296296302E-3</v>
      </c>
      <c r="L24" s="1">
        <v>65</v>
      </c>
      <c r="M24" s="1">
        <v>1559</v>
      </c>
      <c r="N24" s="1">
        <v>25.016035920461835</v>
      </c>
      <c r="O24" s="1">
        <v>50</v>
      </c>
      <c r="P24" s="1">
        <v>58</v>
      </c>
      <c r="Q24" s="1">
        <v>58</v>
      </c>
      <c r="R24" s="1">
        <v>83</v>
      </c>
      <c r="S24" s="1">
        <v>75</v>
      </c>
      <c r="T24" s="1">
        <v>67</v>
      </c>
      <c r="U24" s="4">
        <v>2.4768518518518499E-3</v>
      </c>
      <c r="V24" s="1">
        <v>67</v>
      </c>
      <c r="W24" s="1">
        <v>2299</v>
      </c>
      <c r="X24" s="1">
        <v>17.485863418877774</v>
      </c>
      <c r="Y24" s="1">
        <v>75</v>
      </c>
      <c r="Z24" s="1">
        <v>56</v>
      </c>
      <c r="AA24" s="1">
        <v>69</v>
      </c>
      <c r="AB24" s="1">
        <v>69</v>
      </c>
      <c r="AC24" s="1">
        <v>66</v>
      </c>
      <c r="AD24" s="1">
        <v>1929</v>
      </c>
      <c r="AE24" s="1">
        <v>20.528771384136856</v>
      </c>
    </row>
    <row r="25" spans="1:31" x14ac:dyDescent="0.3">
      <c r="A25" s="1">
        <v>24</v>
      </c>
      <c r="B25" s="1">
        <v>0</v>
      </c>
      <c r="C25" s="1">
        <v>31</v>
      </c>
      <c r="D25" s="2">
        <v>2</v>
      </c>
      <c r="E25" s="1">
        <v>169</v>
      </c>
      <c r="F25" s="1">
        <v>69</v>
      </c>
      <c r="G25" s="1">
        <v>24.158817968558527</v>
      </c>
      <c r="H25" s="1">
        <v>17</v>
      </c>
      <c r="I25" s="1">
        <v>33</v>
      </c>
      <c r="J25" s="1">
        <v>280.5</v>
      </c>
      <c r="K25" s="4">
        <v>1.8981481481481501E-3</v>
      </c>
      <c r="L25" s="1">
        <v>64</v>
      </c>
      <c r="M25" s="1">
        <v>1259</v>
      </c>
      <c r="N25" s="1">
        <v>30.500397140587772</v>
      </c>
      <c r="O25" s="1">
        <v>67</v>
      </c>
      <c r="P25" s="1">
        <v>42</v>
      </c>
      <c r="Q25" s="1">
        <v>75</v>
      </c>
      <c r="R25" s="1">
        <v>75</v>
      </c>
      <c r="S25" s="1">
        <v>67</v>
      </c>
      <c r="T25" s="1">
        <v>58</v>
      </c>
      <c r="U25" s="4">
        <v>2.3726851851851899E-3</v>
      </c>
      <c r="V25" s="1">
        <v>42</v>
      </c>
      <c r="W25" s="1">
        <v>2175</v>
      </c>
      <c r="X25" s="1">
        <v>11.586206896551726</v>
      </c>
      <c r="Y25" s="1">
        <v>31</v>
      </c>
      <c r="Z25" s="1">
        <v>50</v>
      </c>
      <c r="AA25" s="1">
        <v>38</v>
      </c>
      <c r="AB25" s="1">
        <v>50</v>
      </c>
      <c r="AC25" s="1">
        <v>53</v>
      </c>
      <c r="AD25" s="1">
        <v>1717</v>
      </c>
      <c r="AE25" s="1">
        <v>18.520675596971461</v>
      </c>
    </row>
    <row r="26" spans="1:31" x14ac:dyDescent="0.3">
      <c r="A26" s="1">
        <v>25</v>
      </c>
      <c r="B26" s="1">
        <v>0</v>
      </c>
      <c r="C26" s="1">
        <v>31</v>
      </c>
      <c r="D26" s="2">
        <v>2</v>
      </c>
      <c r="E26" s="1">
        <v>160</v>
      </c>
      <c r="F26" s="1">
        <v>57</v>
      </c>
      <c r="G26" s="1">
        <v>22.265624999999996</v>
      </c>
      <c r="H26" s="1">
        <v>16</v>
      </c>
      <c r="I26" s="1">
        <v>33.5</v>
      </c>
      <c r="J26" s="1">
        <v>268</v>
      </c>
      <c r="K26" s="4">
        <v>2.1412037037036999E-3</v>
      </c>
      <c r="L26" s="1">
        <v>40</v>
      </c>
      <c r="M26" s="1">
        <v>1574</v>
      </c>
      <c r="N26" s="1">
        <v>15.247776365946631</v>
      </c>
      <c r="O26" s="1">
        <v>50</v>
      </c>
      <c r="P26" s="1">
        <v>42</v>
      </c>
      <c r="Q26" s="1">
        <v>42</v>
      </c>
      <c r="R26" s="1">
        <v>33</v>
      </c>
      <c r="S26" s="1">
        <v>42</v>
      </c>
      <c r="T26" s="1">
        <v>33</v>
      </c>
      <c r="U26" s="4">
        <v>2.5810185185185198E-3</v>
      </c>
      <c r="V26" s="1">
        <v>39</v>
      </c>
      <c r="W26" s="1">
        <v>2336</v>
      </c>
      <c r="X26" s="1">
        <v>10.017123287671234</v>
      </c>
      <c r="Y26" s="1">
        <v>44</v>
      </c>
      <c r="Z26" s="1">
        <v>31</v>
      </c>
      <c r="AA26" s="1">
        <v>50</v>
      </c>
      <c r="AB26" s="1">
        <v>31</v>
      </c>
      <c r="AC26" s="1">
        <v>39.5</v>
      </c>
      <c r="AD26" s="1">
        <v>1955</v>
      </c>
      <c r="AE26" s="1">
        <v>12.122762148337594</v>
      </c>
    </row>
    <row r="27" spans="1:31" x14ac:dyDescent="0.3">
      <c r="A27" s="1">
        <v>26</v>
      </c>
      <c r="B27" s="1">
        <v>0</v>
      </c>
      <c r="C27" s="1">
        <v>38</v>
      </c>
      <c r="D27" s="2">
        <v>2</v>
      </c>
      <c r="E27" s="1">
        <v>165</v>
      </c>
      <c r="F27" s="1">
        <v>90</v>
      </c>
      <c r="G27" s="1">
        <v>33.057851239669425</v>
      </c>
      <c r="H27" s="1">
        <v>14</v>
      </c>
      <c r="I27" s="1">
        <v>37</v>
      </c>
      <c r="J27" s="1">
        <v>259</v>
      </c>
      <c r="K27" s="4">
        <v>2.1875000000000002E-3</v>
      </c>
      <c r="L27" s="1">
        <v>62</v>
      </c>
      <c r="M27" s="1">
        <v>1621</v>
      </c>
      <c r="N27" s="1">
        <v>22.9487970388649</v>
      </c>
      <c r="O27" s="1">
        <v>75</v>
      </c>
      <c r="P27" s="1">
        <v>67</v>
      </c>
      <c r="Q27" s="1">
        <v>58</v>
      </c>
      <c r="R27" s="1">
        <v>75</v>
      </c>
      <c r="S27" s="1">
        <v>50</v>
      </c>
      <c r="T27" s="1">
        <v>50</v>
      </c>
      <c r="U27" s="4">
        <v>2.5231481481481498E-3</v>
      </c>
      <c r="V27" s="1">
        <v>41</v>
      </c>
      <c r="W27" s="1">
        <v>2295</v>
      </c>
      <c r="X27" s="1">
        <v>10.718954248366012</v>
      </c>
      <c r="Y27" s="1">
        <v>38</v>
      </c>
      <c r="Z27" s="1">
        <v>44</v>
      </c>
      <c r="AA27" s="1">
        <v>44</v>
      </c>
      <c r="AB27" s="1">
        <v>38</v>
      </c>
      <c r="AC27" s="1">
        <v>51.5</v>
      </c>
      <c r="AD27" s="1">
        <v>1958</v>
      </c>
      <c r="AE27" s="1">
        <v>15.781409601634321</v>
      </c>
    </row>
    <row r="28" spans="1:31" x14ac:dyDescent="0.3">
      <c r="A28" s="1">
        <v>27</v>
      </c>
      <c r="B28" s="1">
        <v>0</v>
      </c>
      <c r="C28" s="1">
        <v>39</v>
      </c>
      <c r="D28" s="2">
        <v>2</v>
      </c>
      <c r="E28" s="1">
        <v>176</v>
      </c>
      <c r="F28" s="1">
        <v>71.3</v>
      </c>
      <c r="G28" s="1">
        <v>23.017820247933884</v>
      </c>
      <c r="H28" s="1">
        <v>14</v>
      </c>
      <c r="I28" s="1">
        <v>34</v>
      </c>
      <c r="J28" s="1">
        <v>238</v>
      </c>
      <c r="K28" s="4">
        <v>2.1296296296296302E-3</v>
      </c>
      <c r="L28" s="1">
        <v>49</v>
      </c>
      <c r="M28" s="1">
        <v>1558</v>
      </c>
      <c r="N28" s="1">
        <v>18.870346598202822</v>
      </c>
      <c r="O28" s="1">
        <v>25</v>
      </c>
      <c r="P28" s="1">
        <v>50</v>
      </c>
      <c r="Q28" s="1">
        <v>50</v>
      </c>
      <c r="R28" s="1">
        <v>67</v>
      </c>
      <c r="S28" s="1">
        <v>42</v>
      </c>
      <c r="T28" s="1">
        <v>58</v>
      </c>
      <c r="U28" s="4">
        <v>2.5000000000000001E-3</v>
      </c>
      <c r="V28" s="1">
        <v>36</v>
      </c>
      <c r="W28" s="1">
        <v>2300</v>
      </c>
      <c r="X28" s="1">
        <v>9.3913043478260878</v>
      </c>
      <c r="Y28" s="1">
        <v>25</v>
      </c>
      <c r="Z28" s="1">
        <v>44</v>
      </c>
      <c r="AA28" s="1">
        <v>44</v>
      </c>
      <c r="AB28" s="1">
        <v>31</v>
      </c>
      <c r="AC28" s="1">
        <v>42.5</v>
      </c>
      <c r="AD28" s="1">
        <v>1929</v>
      </c>
      <c r="AE28" s="1">
        <v>13.21928460342146</v>
      </c>
    </row>
    <row r="29" spans="1:31" x14ac:dyDescent="0.3">
      <c r="A29" s="1">
        <v>28</v>
      </c>
      <c r="B29" s="1">
        <v>0</v>
      </c>
      <c r="C29" s="1">
        <v>36</v>
      </c>
      <c r="D29" s="2">
        <v>2</v>
      </c>
      <c r="E29" s="1">
        <v>173</v>
      </c>
      <c r="F29" s="1">
        <v>74</v>
      </c>
      <c r="G29" s="1">
        <v>24.725182932941294</v>
      </c>
      <c r="H29" s="1">
        <v>14</v>
      </c>
      <c r="I29" s="1">
        <v>35</v>
      </c>
      <c r="J29" s="1">
        <v>245</v>
      </c>
      <c r="K29" s="4">
        <v>1.65509259259259E-3</v>
      </c>
      <c r="L29" s="1">
        <v>54</v>
      </c>
      <c r="M29" s="1">
        <v>972</v>
      </c>
      <c r="N29" s="1">
        <v>33.333333333333336</v>
      </c>
      <c r="O29" s="1">
        <v>17</v>
      </c>
      <c r="P29" s="1">
        <v>67</v>
      </c>
      <c r="Q29" s="1">
        <v>42</v>
      </c>
      <c r="R29" s="1">
        <v>67</v>
      </c>
      <c r="S29" s="1">
        <v>83</v>
      </c>
      <c r="T29" s="1">
        <v>50</v>
      </c>
      <c r="U29" s="4">
        <v>2.2800925925925901E-3</v>
      </c>
      <c r="V29" s="1">
        <v>48</v>
      </c>
      <c r="W29" s="1">
        <v>2081</v>
      </c>
      <c r="X29" s="1">
        <v>13.839500240269103</v>
      </c>
      <c r="Y29" s="1">
        <v>31</v>
      </c>
      <c r="Z29" s="1">
        <v>56</v>
      </c>
      <c r="AA29" s="1">
        <v>69</v>
      </c>
      <c r="AB29" s="1">
        <v>38</v>
      </c>
      <c r="AC29" s="1">
        <v>51</v>
      </c>
      <c r="AD29" s="1">
        <v>1526.5</v>
      </c>
      <c r="AE29" s="1">
        <v>20.045856534556176</v>
      </c>
    </row>
    <row r="30" spans="1:31" x14ac:dyDescent="0.3">
      <c r="A30" s="1">
        <v>29</v>
      </c>
      <c r="B30" s="1">
        <v>0</v>
      </c>
      <c r="C30" s="1">
        <v>39</v>
      </c>
      <c r="D30" s="2">
        <v>2</v>
      </c>
      <c r="E30" s="1">
        <v>171</v>
      </c>
      <c r="F30" s="1">
        <v>66.5</v>
      </c>
      <c r="G30" s="1">
        <v>22.742040285899936</v>
      </c>
      <c r="H30" s="1">
        <v>16.5</v>
      </c>
      <c r="I30" s="1">
        <v>31</v>
      </c>
      <c r="J30" s="1">
        <v>255.75</v>
      </c>
      <c r="K30" s="4">
        <v>1.79398148148148E-3</v>
      </c>
      <c r="L30" s="1">
        <v>64</v>
      </c>
      <c r="M30" s="1">
        <v>1151</v>
      </c>
      <c r="N30" s="1">
        <v>33.362293657688966</v>
      </c>
      <c r="O30" s="1">
        <v>67</v>
      </c>
      <c r="P30" s="1">
        <v>67</v>
      </c>
      <c r="Q30" s="1">
        <v>58</v>
      </c>
      <c r="R30" s="1">
        <v>67</v>
      </c>
      <c r="S30" s="1">
        <v>50</v>
      </c>
      <c r="T30" s="1">
        <v>75</v>
      </c>
      <c r="U30" s="4">
        <v>2.3611111111111098E-3</v>
      </c>
      <c r="V30" s="1">
        <v>30</v>
      </c>
      <c r="W30" s="1">
        <v>2149</v>
      </c>
      <c r="X30" s="1">
        <v>8.3759888320148921</v>
      </c>
      <c r="Y30" s="1">
        <v>31</v>
      </c>
      <c r="Z30" s="1">
        <v>12</v>
      </c>
      <c r="AA30" s="1">
        <v>31</v>
      </c>
      <c r="AB30" s="1">
        <v>44</v>
      </c>
      <c r="AC30" s="1">
        <v>47</v>
      </c>
      <c r="AD30" s="1">
        <v>1650</v>
      </c>
      <c r="AE30" s="1">
        <v>17.090909090909093</v>
      </c>
    </row>
    <row r="31" spans="1:31" x14ac:dyDescent="0.3">
      <c r="A31" s="1">
        <v>30</v>
      </c>
      <c r="B31" s="1">
        <v>0</v>
      </c>
      <c r="C31" s="1">
        <v>40</v>
      </c>
      <c r="D31" s="2">
        <v>2</v>
      </c>
      <c r="E31" s="1">
        <v>170</v>
      </c>
      <c r="F31" s="1">
        <v>90</v>
      </c>
      <c r="G31" s="1">
        <v>31.141868512110729</v>
      </c>
      <c r="H31" s="1">
        <v>15</v>
      </c>
      <c r="I31" s="1">
        <v>41</v>
      </c>
      <c r="J31" s="1">
        <v>307.5</v>
      </c>
      <c r="K31" s="4">
        <v>2.44212962962963E-3</v>
      </c>
      <c r="L31" s="1">
        <v>38</v>
      </c>
      <c r="M31" s="1">
        <v>1923</v>
      </c>
      <c r="N31" s="1">
        <v>11.856474258970357</v>
      </c>
      <c r="O31" s="1">
        <v>42</v>
      </c>
      <c r="P31" s="1">
        <v>33</v>
      </c>
      <c r="Q31" s="1">
        <v>42</v>
      </c>
      <c r="R31" s="1">
        <v>42</v>
      </c>
      <c r="S31" s="1">
        <v>33</v>
      </c>
      <c r="T31" s="1">
        <v>33</v>
      </c>
      <c r="U31" s="4">
        <v>2.7430555555555602E-3</v>
      </c>
      <c r="V31" s="1">
        <v>55</v>
      </c>
      <c r="W31" s="1">
        <v>2593</v>
      </c>
      <c r="X31" s="1">
        <v>12.726571538758197</v>
      </c>
      <c r="Y31" s="1">
        <v>59</v>
      </c>
      <c r="Z31" s="1">
        <v>69</v>
      </c>
      <c r="AA31" s="1">
        <v>56</v>
      </c>
      <c r="AB31" s="1">
        <v>33</v>
      </c>
      <c r="AC31" s="1">
        <v>46.5</v>
      </c>
      <c r="AD31" s="1">
        <v>2258</v>
      </c>
      <c r="AE31" s="1">
        <v>12.356067316209034</v>
      </c>
    </row>
    <row r="32" spans="1:31" x14ac:dyDescent="0.3">
      <c r="A32" s="1">
        <v>31</v>
      </c>
      <c r="B32" s="1">
        <v>1</v>
      </c>
      <c r="C32" s="1">
        <v>37</v>
      </c>
      <c r="D32" s="2">
        <v>2</v>
      </c>
      <c r="E32" s="1">
        <v>183</v>
      </c>
      <c r="F32" s="1">
        <v>90</v>
      </c>
      <c r="G32" s="1">
        <v>26.874496103198062</v>
      </c>
      <c r="H32" s="1">
        <v>15</v>
      </c>
      <c r="I32" s="1">
        <v>41</v>
      </c>
      <c r="J32" s="1">
        <v>307.5</v>
      </c>
      <c r="K32" s="4">
        <v>1.9560185185185201E-3</v>
      </c>
      <c r="L32" s="1">
        <v>75</v>
      </c>
      <c r="M32" s="1">
        <v>1345</v>
      </c>
      <c r="N32" s="1">
        <v>33.457249070631974</v>
      </c>
      <c r="O32" s="1">
        <v>50</v>
      </c>
      <c r="P32" s="1">
        <v>83</v>
      </c>
      <c r="Q32" s="1">
        <v>83</v>
      </c>
      <c r="R32" s="1">
        <v>83</v>
      </c>
      <c r="S32" s="1">
        <v>75</v>
      </c>
      <c r="T32" s="1">
        <v>75</v>
      </c>
      <c r="U32" s="4">
        <v>2.2916666666666701E-3</v>
      </c>
      <c r="V32" s="1">
        <v>53</v>
      </c>
      <c r="W32" s="1">
        <v>2056</v>
      </c>
      <c r="X32" s="1">
        <v>15.466926070038912</v>
      </c>
      <c r="Y32" s="1">
        <v>50</v>
      </c>
      <c r="Z32" s="1">
        <v>44</v>
      </c>
      <c r="AA32" s="1">
        <v>56</v>
      </c>
      <c r="AB32" s="1">
        <v>62</v>
      </c>
      <c r="AC32" s="1">
        <v>64</v>
      </c>
      <c r="AD32" s="1">
        <v>1700.5</v>
      </c>
      <c r="AE32" s="1">
        <v>22.581593648926784</v>
      </c>
    </row>
    <row r="33" spans="1:31" x14ac:dyDescent="0.3">
      <c r="A33" s="1">
        <v>32</v>
      </c>
      <c r="B33" s="1">
        <v>1</v>
      </c>
      <c r="C33" s="1">
        <v>40</v>
      </c>
      <c r="D33" s="2">
        <v>2</v>
      </c>
      <c r="E33" s="1">
        <v>170</v>
      </c>
      <c r="F33" s="1">
        <v>80</v>
      </c>
      <c r="G33" s="1">
        <v>27.681660899653981</v>
      </c>
      <c r="H33" s="1">
        <v>14</v>
      </c>
      <c r="I33" s="1">
        <v>37.5</v>
      </c>
      <c r="J33" s="1">
        <v>262.5</v>
      </c>
      <c r="K33" s="4">
        <v>1.9791666666666699E-3</v>
      </c>
      <c r="L33" s="1">
        <v>54</v>
      </c>
      <c r="M33" s="1">
        <v>1375</v>
      </c>
      <c r="N33" s="1">
        <v>23.563636363636366</v>
      </c>
      <c r="O33" s="1">
        <v>58</v>
      </c>
      <c r="P33" s="1">
        <v>75</v>
      </c>
      <c r="Q33" s="1">
        <v>58</v>
      </c>
      <c r="R33" s="1">
        <v>33</v>
      </c>
      <c r="S33" s="1">
        <v>67</v>
      </c>
      <c r="T33" s="1">
        <v>33</v>
      </c>
      <c r="U33" s="4">
        <v>2.9050925925925902E-3</v>
      </c>
      <c r="V33" s="1">
        <v>53</v>
      </c>
      <c r="W33" s="1">
        <v>2624</v>
      </c>
      <c r="X33" s="1">
        <v>12.118902439024389</v>
      </c>
      <c r="Y33" s="1">
        <v>69</v>
      </c>
      <c r="Z33" s="1">
        <v>44</v>
      </c>
      <c r="AA33" s="1">
        <v>50</v>
      </c>
      <c r="AB33" s="1">
        <v>50</v>
      </c>
      <c r="AC33" s="1">
        <v>53.5</v>
      </c>
      <c r="AD33" s="1">
        <v>1999.5</v>
      </c>
      <c r="AE33" s="1">
        <v>16.054013503375845</v>
      </c>
    </row>
    <row r="34" spans="1:31" x14ac:dyDescent="0.3">
      <c r="A34" s="1">
        <v>33</v>
      </c>
      <c r="B34" s="1">
        <v>1</v>
      </c>
      <c r="C34" s="1">
        <v>36</v>
      </c>
      <c r="D34" s="2">
        <v>2</v>
      </c>
      <c r="E34" s="1">
        <v>190</v>
      </c>
      <c r="F34" s="1">
        <v>99</v>
      </c>
      <c r="G34" s="1">
        <v>27.423822714681442</v>
      </c>
      <c r="H34" s="1">
        <v>17</v>
      </c>
      <c r="I34" s="1">
        <v>37.5</v>
      </c>
      <c r="J34" s="1">
        <v>318.75</v>
      </c>
      <c r="K34" s="4">
        <v>2.2337962962963001E-3</v>
      </c>
      <c r="L34" s="1">
        <v>76</v>
      </c>
      <c r="M34" s="1">
        <v>1683</v>
      </c>
      <c r="N34" s="1">
        <v>27.094474153297682</v>
      </c>
      <c r="O34" s="1">
        <v>83</v>
      </c>
      <c r="P34" s="1">
        <v>75</v>
      </c>
      <c r="Q34" s="1">
        <v>75</v>
      </c>
      <c r="R34" s="1">
        <v>67</v>
      </c>
      <c r="S34" s="1">
        <v>75</v>
      </c>
      <c r="T34" s="1">
        <v>83</v>
      </c>
      <c r="U34" s="4">
        <v>2.8356481481481501E-3</v>
      </c>
      <c r="V34" s="1">
        <v>61</v>
      </c>
      <c r="W34" s="1">
        <v>2794</v>
      </c>
      <c r="X34" s="1">
        <v>13.099498926270579</v>
      </c>
      <c r="Y34" s="1">
        <v>50</v>
      </c>
      <c r="Z34" s="1">
        <v>56</v>
      </c>
      <c r="AA34" s="1">
        <v>62</v>
      </c>
      <c r="AB34" s="1">
        <v>75</v>
      </c>
      <c r="AC34" s="1">
        <v>68.5</v>
      </c>
      <c r="AD34" s="1">
        <v>2238.5</v>
      </c>
      <c r="AE34" s="1">
        <v>18.360509269600175</v>
      </c>
    </row>
    <row r="35" spans="1:31" x14ac:dyDescent="0.3">
      <c r="A35" s="1">
        <v>34</v>
      </c>
      <c r="B35" s="1">
        <v>1</v>
      </c>
      <c r="C35" s="1">
        <v>39</v>
      </c>
      <c r="D35" s="2">
        <v>2</v>
      </c>
      <c r="E35" s="1">
        <v>168</v>
      </c>
      <c r="F35" s="1">
        <v>105</v>
      </c>
      <c r="G35" s="1">
        <v>37.202380952380956</v>
      </c>
      <c r="H35" s="1">
        <v>15</v>
      </c>
      <c r="I35" s="1">
        <v>44</v>
      </c>
      <c r="J35" s="1">
        <v>330</v>
      </c>
      <c r="K35" s="4">
        <v>1.9675925925925898E-3</v>
      </c>
      <c r="L35" s="1">
        <v>71</v>
      </c>
      <c r="M35" s="1">
        <v>1352</v>
      </c>
      <c r="N35" s="1">
        <v>31.508875739644967</v>
      </c>
      <c r="O35" s="1">
        <v>75</v>
      </c>
      <c r="P35" s="1">
        <v>75</v>
      </c>
      <c r="Q35" s="1">
        <v>58</v>
      </c>
      <c r="R35" s="1">
        <v>75</v>
      </c>
      <c r="S35" s="1">
        <v>75</v>
      </c>
      <c r="T35" s="1">
        <v>67</v>
      </c>
      <c r="U35" s="4">
        <v>2.5115740740740702E-3</v>
      </c>
      <c r="V35" s="1">
        <v>52</v>
      </c>
      <c r="W35" s="1">
        <v>2383</v>
      </c>
      <c r="X35" s="1">
        <v>13.092740243390685</v>
      </c>
      <c r="Y35" s="1">
        <v>38</v>
      </c>
      <c r="Z35" s="1">
        <v>69</v>
      </c>
      <c r="AA35" s="1">
        <v>62</v>
      </c>
      <c r="AB35" s="1">
        <v>38</v>
      </c>
      <c r="AC35" s="1">
        <v>61.5</v>
      </c>
      <c r="AD35" s="1">
        <v>1867.5</v>
      </c>
      <c r="AE35" s="1">
        <v>19.759036144578317</v>
      </c>
    </row>
    <row r="36" spans="1:31" x14ac:dyDescent="0.3">
      <c r="A36" s="1">
        <v>35</v>
      </c>
      <c r="B36" s="1">
        <v>1</v>
      </c>
      <c r="C36" s="1">
        <v>33</v>
      </c>
      <c r="D36" s="2">
        <v>2</v>
      </c>
      <c r="E36" s="1">
        <v>175</v>
      </c>
      <c r="F36" s="1">
        <v>83</v>
      </c>
      <c r="G36" s="1">
        <v>27.102040816326532</v>
      </c>
      <c r="H36" s="1">
        <v>12</v>
      </c>
      <c r="I36" s="1">
        <v>35</v>
      </c>
      <c r="J36" s="1">
        <v>210</v>
      </c>
      <c r="K36" s="4">
        <v>1.8171296296296299E-3</v>
      </c>
      <c r="L36" s="1">
        <v>61</v>
      </c>
      <c r="M36" s="1">
        <v>1178</v>
      </c>
      <c r="N36" s="1">
        <v>31.069609507640067</v>
      </c>
      <c r="O36" s="1">
        <v>92</v>
      </c>
      <c r="P36" s="1">
        <v>75</v>
      </c>
      <c r="Q36" s="1">
        <v>50</v>
      </c>
      <c r="R36" s="1">
        <v>42</v>
      </c>
      <c r="S36" s="1">
        <v>58</v>
      </c>
      <c r="T36" s="1">
        <v>50</v>
      </c>
      <c r="U36" s="4">
        <v>2.60416666666667E-3</v>
      </c>
      <c r="V36" s="1">
        <v>64</v>
      </c>
      <c r="W36" s="1">
        <v>2512</v>
      </c>
      <c r="X36" s="1">
        <v>15.286624203821656</v>
      </c>
      <c r="Y36" s="1">
        <v>69</v>
      </c>
      <c r="Z36" s="1">
        <v>62</v>
      </c>
      <c r="AA36" s="1">
        <v>50</v>
      </c>
      <c r="AB36" s="1">
        <v>75</v>
      </c>
      <c r="AC36" s="1">
        <v>62.5</v>
      </c>
      <c r="AD36" s="1">
        <v>1845</v>
      </c>
      <c r="AE36" s="1">
        <v>20.325203252032516</v>
      </c>
    </row>
    <row r="37" spans="1:31" x14ac:dyDescent="0.3">
      <c r="A37" s="1">
        <v>36</v>
      </c>
      <c r="B37" s="1">
        <v>1</v>
      </c>
      <c r="C37" s="1">
        <v>38</v>
      </c>
      <c r="D37" s="2">
        <v>2</v>
      </c>
      <c r="E37" s="1">
        <v>187</v>
      </c>
      <c r="F37" s="1">
        <v>87</v>
      </c>
      <c r="G37" s="1">
        <v>24.879178701135288</v>
      </c>
      <c r="H37" s="1">
        <v>16</v>
      </c>
      <c r="I37" s="1">
        <v>38</v>
      </c>
      <c r="J37" s="1">
        <v>304</v>
      </c>
      <c r="K37" s="4">
        <v>1.90972222222222E-3</v>
      </c>
      <c r="L37" s="1">
        <v>65</v>
      </c>
      <c r="M37" s="1">
        <v>1294</v>
      </c>
      <c r="N37" s="1">
        <v>30.139103554868626</v>
      </c>
      <c r="O37" s="1">
        <v>50</v>
      </c>
      <c r="P37" s="1">
        <v>67</v>
      </c>
      <c r="Q37" s="1">
        <v>83</v>
      </c>
      <c r="R37" s="1">
        <v>67</v>
      </c>
      <c r="S37" s="1">
        <v>67</v>
      </c>
      <c r="T37" s="1">
        <v>58</v>
      </c>
      <c r="U37" s="4">
        <v>2.7777777777777801E-3</v>
      </c>
      <c r="V37" s="1">
        <v>53</v>
      </c>
      <c r="W37" s="1">
        <v>2561</v>
      </c>
      <c r="X37" s="1">
        <v>12.417024599765718</v>
      </c>
      <c r="Y37" s="1">
        <v>31</v>
      </c>
      <c r="Z37" s="1">
        <v>56</v>
      </c>
      <c r="AA37" s="1">
        <v>69</v>
      </c>
      <c r="AB37" s="1">
        <v>56</v>
      </c>
      <c r="AC37" s="1">
        <v>59</v>
      </c>
      <c r="AD37" s="1">
        <v>1927.5</v>
      </c>
      <c r="AE37" s="1">
        <v>18.365758754863815</v>
      </c>
    </row>
    <row r="38" spans="1:31" x14ac:dyDescent="0.3">
      <c r="A38" s="1">
        <v>37</v>
      </c>
      <c r="B38" s="1">
        <v>1</v>
      </c>
      <c r="C38" s="1">
        <v>32</v>
      </c>
      <c r="D38" s="2">
        <v>2</v>
      </c>
      <c r="E38" s="1">
        <v>190</v>
      </c>
      <c r="F38" s="1">
        <v>95</v>
      </c>
      <c r="G38" s="1">
        <v>26.315789473684212</v>
      </c>
      <c r="H38" s="1">
        <v>15</v>
      </c>
      <c r="I38" s="1">
        <v>41</v>
      </c>
      <c r="J38" s="1">
        <v>307.5</v>
      </c>
      <c r="K38" s="4">
        <v>1.9675925925925898E-3</v>
      </c>
      <c r="L38" s="1">
        <v>47</v>
      </c>
      <c r="M38" s="1">
        <v>1363</v>
      </c>
      <c r="N38" s="1">
        <v>20.689655172413794</v>
      </c>
      <c r="O38" s="1">
        <v>50</v>
      </c>
      <c r="P38" s="1">
        <v>58</v>
      </c>
      <c r="Q38" s="1">
        <v>33</v>
      </c>
      <c r="R38" s="1">
        <v>25</v>
      </c>
      <c r="S38" s="1">
        <v>58</v>
      </c>
      <c r="T38" s="1">
        <v>58</v>
      </c>
      <c r="U38" s="4">
        <v>2.44212962962963E-3</v>
      </c>
      <c r="V38" s="1">
        <v>34</v>
      </c>
      <c r="W38" s="1">
        <v>2180</v>
      </c>
      <c r="X38" s="1">
        <v>9.3577981651376128</v>
      </c>
      <c r="Y38" s="1">
        <v>38</v>
      </c>
      <c r="Z38" s="1">
        <v>31</v>
      </c>
      <c r="AA38" s="1">
        <v>25</v>
      </c>
      <c r="AB38" s="1">
        <v>44</v>
      </c>
      <c r="AC38" s="1">
        <v>40.5</v>
      </c>
      <c r="AD38" s="1">
        <v>1771.5</v>
      </c>
      <c r="AE38" s="1">
        <v>13.717188823031327</v>
      </c>
    </row>
    <row r="39" spans="1:31" x14ac:dyDescent="0.3">
      <c r="A39" s="1">
        <v>38</v>
      </c>
      <c r="B39" s="1">
        <v>1</v>
      </c>
      <c r="C39" s="1">
        <v>37</v>
      </c>
      <c r="D39" s="2">
        <v>2</v>
      </c>
      <c r="E39" s="1">
        <v>177</v>
      </c>
      <c r="F39" s="1">
        <v>88</v>
      </c>
      <c r="G39" s="1">
        <v>28.088991030674453</v>
      </c>
      <c r="H39" s="1">
        <v>16</v>
      </c>
      <c r="I39" s="1">
        <v>42</v>
      </c>
      <c r="J39" s="1">
        <v>336</v>
      </c>
      <c r="K39" s="4">
        <v>2.3032407407407398E-3</v>
      </c>
      <c r="L39" s="1">
        <v>62</v>
      </c>
      <c r="M39" s="1">
        <v>1762</v>
      </c>
      <c r="N39" s="1">
        <v>21.112372304199777</v>
      </c>
      <c r="O39" s="1">
        <v>42</v>
      </c>
      <c r="P39" s="1">
        <v>67</v>
      </c>
      <c r="Q39" s="1">
        <v>67</v>
      </c>
      <c r="R39" s="1">
        <v>67</v>
      </c>
      <c r="S39" s="1">
        <v>50</v>
      </c>
      <c r="T39" s="1">
        <v>83</v>
      </c>
      <c r="U39" s="4">
        <v>2.6504629629629599E-3</v>
      </c>
      <c r="V39" s="1">
        <v>52</v>
      </c>
      <c r="W39" s="1">
        <v>2575</v>
      </c>
      <c r="X39" s="1">
        <v>12.116504854368932</v>
      </c>
      <c r="Y39" s="1">
        <v>69</v>
      </c>
      <c r="Z39" s="1">
        <v>56</v>
      </c>
      <c r="AA39" s="1">
        <v>44</v>
      </c>
      <c r="AB39" s="1">
        <v>38</v>
      </c>
      <c r="AC39" s="1">
        <v>57</v>
      </c>
      <c r="AD39" s="1">
        <v>2168.5</v>
      </c>
      <c r="AE39" s="1">
        <v>15.771270463454002</v>
      </c>
    </row>
    <row r="40" spans="1:31" x14ac:dyDescent="0.3">
      <c r="A40" s="1">
        <v>39</v>
      </c>
      <c r="B40" s="1">
        <v>1</v>
      </c>
      <c r="C40" s="1">
        <v>38</v>
      </c>
      <c r="D40" s="2">
        <v>2</v>
      </c>
      <c r="E40" s="1">
        <v>173</v>
      </c>
      <c r="F40" s="1">
        <v>84.7</v>
      </c>
      <c r="G40" s="1">
        <v>28.30031073540713</v>
      </c>
      <c r="H40" s="1">
        <v>15.5</v>
      </c>
      <c r="I40" s="1">
        <v>39</v>
      </c>
      <c r="J40" s="1">
        <v>302.25</v>
      </c>
      <c r="K40" s="4">
        <v>1.99074074074074E-3</v>
      </c>
      <c r="L40" s="1">
        <v>47</v>
      </c>
      <c r="M40" s="1">
        <v>1382</v>
      </c>
      <c r="N40" s="1">
        <v>20.405209840810421</v>
      </c>
      <c r="O40" s="1">
        <v>50</v>
      </c>
      <c r="P40" s="1">
        <v>50</v>
      </c>
      <c r="Q40" s="1">
        <v>42</v>
      </c>
      <c r="R40" s="1">
        <v>50</v>
      </c>
      <c r="S40" s="1">
        <v>42</v>
      </c>
      <c r="T40" s="1">
        <v>50</v>
      </c>
      <c r="U40" s="4">
        <v>2.7314814814814801E-3</v>
      </c>
      <c r="V40" s="1">
        <v>45</v>
      </c>
      <c r="W40" s="1">
        <v>2689</v>
      </c>
      <c r="X40" s="1">
        <v>10.04090740052064</v>
      </c>
      <c r="Y40" s="1">
        <v>31</v>
      </c>
      <c r="Z40" s="1">
        <v>50</v>
      </c>
      <c r="AA40" s="1">
        <v>56</v>
      </c>
      <c r="AB40" s="1">
        <v>44</v>
      </c>
      <c r="AC40" s="1">
        <v>46</v>
      </c>
      <c r="AD40" s="1">
        <v>2035.5</v>
      </c>
      <c r="AE40" s="1">
        <v>13.559322033898306</v>
      </c>
    </row>
    <row r="41" spans="1:31" x14ac:dyDescent="0.3">
      <c r="A41" s="1">
        <v>40</v>
      </c>
      <c r="B41" s="1">
        <v>1</v>
      </c>
      <c r="C41" s="1">
        <v>34</v>
      </c>
      <c r="D41" s="2">
        <v>2</v>
      </c>
      <c r="E41" s="1">
        <v>184</v>
      </c>
      <c r="F41" s="1">
        <v>74</v>
      </c>
      <c r="G41" s="1">
        <v>21.857277882797732</v>
      </c>
      <c r="H41" s="1">
        <v>13.5</v>
      </c>
      <c r="I41" s="1">
        <v>37</v>
      </c>
      <c r="J41" s="1">
        <v>249.75</v>
      </c>
      <c r="K41" s="4">
        <v>2.2222222222222201E-3</v>
      </c>
      <c r="L41" s="1">
        <v>61</v>
      </c>
      <c r="M41" s="1">
        <v>1658</v>
      </c>
      <c r="N41" s="1">
        <v>22.074788902291921</v>
      </c>
      <c r="O41" s="1">
        <v>42</v>
      </c>
      <c r="P41" s="1">
        <v>58</v>
      </c>
      <c r="Q41" s="1">
        <v>58</v>
      </c>
      <c r="R41" s="1">
        <v>67</v>
      </c>
      <c r="S41" s="1">
        <v>58</v>
      </c>
      <c r="T41" s="1">
        <v>83</v>
      </c>
      <c r="U41" s="4">
        <v>2.3032407407407398E-3</v>
      </c>
      <c r="V41" s="1">
        <v>22</v>
      </c>
      <c r="W41" s="1">
        <v>2086</v>
      </c>
      <c r="X41" s="1">
        <v>6.3279002876318318</v>
      </c>
      <c r="Y41" s="1">
        <v>12</v>
      </c>
      <c r="Z41" s="1">
        <v>31</v>
      </c>
      <c r="AA41" s="1">
        <v>19</v>
      </c>
      <c r="AB41" s="1">
        <v>25</v>
      </c>
      <c r="AC41" s="1">
        <v>41.5</v>
      </c>
      <c r="AD41" s="1">
        <v>1872</v>
      </c>
      <c r="AE41" s="1">
        <v>13.301282051282051</v>
      </c>
    </row>
    <row r="42" spans="1:31" x14ac:dyDescent="0.3">
      <c r="A42" s="1">
        <v>41</v>
      </c>
      <c r="B42" s="1">
        <v>0</v>
      </c>
      <c r="C42" s="1">
        <v>48</v>
      </c>
      <c r="D42" s="2">
        <v>3</v>
      </c>
      <c r="E42" s="1">
        <v>167</v>
      </c>
      <c r="F42" s="1">
        <v>79</v>
      </c>
      <c r="G42" s="1">
        <v>28.326580372189753</v>
      </c>
      <c r="H42" s="1">
        <v>13</v>
      </c>
      <c r="I42" s="1">
        <v>35.5</v>
      </c>
      <c r="J42" s="1">
        <v>230.75</v>
      </c>
      <c r="K42" s="4">
        <v>2.2800925925925901E-3</v>
      </c>
      <c r="L42" s="1">
        <v>47</v>
      </c>
      <c r="M42" s="1">
        <v>1733</v>
      </c>
      <c r="N42" s="1">
        <v>16.272360069244083</v>
      </c>
      <c r="O42" s="1">
        <v>25</v>
      </c>
      <c r="P42" s="1">
        <v>33</v>
      </c>
      <c r="Q42" s="1">
        <v>67</v>
      </c>
      <c r="R42" s="1">
        <v>58</v>
      </c>
      <c r="S42" s="1">
        <v>42</v>
      </c>
      <c r="T42" s="1">
        <v>58</v>
      </c>
      <c r="U42" s="4">
        <v>2.4189814814814799E-3</v>
      </c>
      <c r="V42" s="1">
        <v>34</v>
      </c>
      <c r="W42" s="1">
        <v>2269</v>
      </c>
      <c r="X42" s="1">
        <v>8.9907448215072723</v>
      </c>
      <c r="Y42" s="1">
        <v>19</v>
      </c>
      <c r="Z42" s="1">
        <v>50</v>
      </c>
      <c r="AA42" s="1">
        <v>31</v>
      </c>
      <c r="AB42" s="1">
        <v>38</v>
      </c>
      <c r="AC42" s="1">
        <v>40.5</v>
      </c>
      <c r="AD42" s="1">
        <v>2001</v>
      </c>
      <c r="AE42" s="1">
        <v>12.143928035982011</v>
      </c>
    </row>
    <row r="43" spans="1:31" x14ac:dyDescent="0.3">
      <c r="A43" s="1">
        <v>42</v>
      </c>
      <c r="B43" s="1">
        <v>0</v>
      </c>
      <c r="C43" s="1">
        <v>41</v>
      </c>
      <c r="D43" s="2">
        <v>3</v>
      </c>
      <c r="E43" s="1">
        <v>166</v>
      </c>
      <c r="F43" s="1">
        <v>100</v>
      </c>
      <c r="G43" s="1">
        <v>36.289737262302225</v>
      </c>
      <c r="H43" s="1">
        <v>13.5</v>
      </c>
      <c r="I43" s="1">
        <v>39</v>
      </c>
      <c r="J43" s="1">
        <v>263.25</v>
      </c>
      <c r="K43" s="4">
        <v>1.9444444444444401E-3</v>
      </c>
      <c r="L43" s="1">
        <v>47</v>
      </c>
      <c r="M43" s="1">
        <v>1327</v>
      </c>
      <c r="N43" s="1">
        <v>21.250941974378296</v>
      </c>
      <c r="O43" s="1">
        <v>42</v>
      </c>
      <c r="P43" s="1">
        <v>67</v>
      </c>
      <c r="Q43" s="1">
        <v>67</v>
      </c>
      <c r="R43" s="1">
        <v>25</v>
      </c>
      <c r="S43" s="1">
        <v>42</v>
      </c>
      <c r="T43" s="1">
        <v>42</v>
      </c>
      <c r="U43" s="4">
        <v>2.10648148148148E-3</v>
      </c>
      <c r="V43" s="1">
        <v>36</v>
      </c>
      <c r="W43" s="1">
        <v>1778</v>
      </c>
      <c r="X43" s="1">
        <v>12.148481439820022</v>
      </c>
      <c r="Y43" s="1">
        <v>25</v>
      </c>
      <c r="Z43" s="1">
        <v>38</v>
      </c>
      <c r="AA43" s="1">
        <v>38</v>
      </c>
      <c r="AB43" s="1">
        <v>44</v>
      </c>
      <c r="AC43" s="1">
        <v>41.5</v>
      </c>
      <c r="AD43" s="1">
        <v>1552.5</v>
      </c>
      <c r="AE43" s="1">
        <v>16.038647342995169</v>
      </c>
    </row>
    <row r="44" spans="1:31" x14ac:dyDescent="0.3">
      <c r="A44" s="1">
        <v>43</v>
      </c>
      <c r="B44" s="1">
        <v>0</v>
      </c>
      <c r="C44" s="1">
        <v>50</v>
      </c>
      <c r="D44" s="2">
        <v>3</v>
      </c>
      <c r="E44" s="1">
        <v>163</v>
      </c>
      <c r="F44" s="1">
        <v>78</v>
      </c>
      <c r="G44" s="1">
        <v>29.357521924046825</v>
      </c>
      <c r="H44" s="1">
        <v>13</v>
      </c>
      <c r="I44" s="1">
        <v>34.5</v>
      </c>
      <c r="J44" s="1">
        <v>224.25</v>
      </c>
      <c r="K44" s="4">
        <v>2.0833333333333298E-3</v>
      </c>
      <c r="L44" s="1">
        <v>62</v>
      </c>
      <c r="M44" s="1">
        <v>1493</v>
      </c>
      <c r="N44" s="1">
        <v>24.916275954454118</v>
      </c>
      <c r="O44" s="1">
        <v>58</v>
      </c>
      <c r="P44" s="1">
        <v>67</v>
      </c>
      <c r="Q44" s="1">
        <v>67</v>
      </c>
      <c r="R44" s="1">
        <v>67</v>
      </c>
      <c r="S44" s="1">
        <v>50</v>
      </c>
      <c r="T44" s="1">
        <v>67</v>
      </c>
      <c r="U44" s="4">
        <v>2.5578703703703701E-3</v>
      </c>
      <c r="V44" s="1">
        <v>52</v>
      </c>
      <c r="W44" s="1">
        <v>2359</v>
      </c>
      <c r="X44" s="1">
        <v>13.225943196269606</v>
      </c>
      <c r="Y44" s="1">
        <v>56</v>
      </c>
      <c r="Z44" s="1">
        <v>44</v>
      </c>
      <c r="AA44" s="1">
        <v>50</v>
      </c>
      <c r="AB44" s="1">
        <v>56</v>
      </c>
      <c r="AC44" s="1">
        <v>57</v>
      </c>
      <c r="AD44" s="1">
        <v>1926</v>
      </c>
      <c r="AE44" s="1">
        <v>17.75700934579439</v>
      </c>
    </row>
    <row r="45" spans="1:31" x14ac:dyDescent="0.3">
      <c r="A45" s="1">
        <v>44</v>
      </c>
      <c r="B45" s="1">
        <v>0</v>
      </c>
      <c r="C45" s="1">
        <v>43</v>
      </c>
      <c r="D45" s="2">
        <v>3</v>
      </c>
      <c r="E45" s="1">
        <v>170</v>
      </c>
      <c r="F45" s="1">
        <v>74</v>
      </c>
      <c r="G45" s="1">
        <v>25.605536332179934</v>
      </c>
      <c r="H45" s="1">
        <v>17</v>
      </c>
      <c r="I45" s="1">
        <v>36</v>
      </c>
      <c r="J45" s="1">
        <v>306</v>
      </c>
      <c r="K45" s="4">
        <v>2.5810185185185198E-3</v>
      </c>
      <c r="L45" s="1">
        <v>74</v>
      </c>
      <c r="M45" s="1">
        <v>2021</v>
      </c>
      <c r="N45" s="1">
        <v>21.969322117763483</v>
      </c>
      <c r="O45" s="1">
        <v>58</v>
      </c>
      <c r="P45" s="1">
        <v>83</v>
      </c>
      <c r="Q45" s="1">
        <v>92</v>
      </c>
      <c r="R45" s="1">
        <v>67</v>
      </c>
      <c r="S45" s="1">
        <v>75</v>
      </c>
      <c r="T45" s="1">
        <v>67</v>
      </c>
      <c r="U45" s="4">
        <v>3.6226851851851902E-3</v>
      </c>
      <c r="V45" s="1">
        <v>41</v>
      </c>
      <c r="W45" s="1">
        <v>3160</v>
      </c>
      <c r="X45" s="1">
        <v>7.7848101265822782</v>
      </c>
      <c r="Y45" s="1">
        <v>19</v>
      </c>
      <c r="Z45" s="1">
        <v>50</v>
      </c>
      <c r="AA45" s="1">
        <v>44</v>
      </c>
      <c r="AB45" s="1">
        <v>50</v>
      </c>
      <c r="AC45" s="1">
        <v>57.5</v>
      </c>
      <c r="AD45" s="1">
        <v>2590.5</v>
      </c>
      <c r="AE45" s="1">
        <v>13.317892298784018</v>
      </c>
    </row>
    <row r="46" spans="1:31" x14ac:dyDescent="0.3">
      <c r="A46" s="1">
        <v>45</v>
      </c>
      <c r="B46" s="1">
        <v>0</v>
      </c>
      <c r="C46" s="1">
        <v>45</v>
      </c>
      <c r="D46" s="2">
        <v>3</v>
      </c>
      <c r="E46" s="1">
        <v>165</v>
      </c>
      <c r="F46" s="1">
        <v>60</v>
      </c>
      <c r="G46" s="1">
        <v>22.03856749311295</v>
      </c>
      <c r="H46" s="1">
        <v>10.5</v>
      </c>
      <c r="I46" s="1">
        <v>31.5</v>
      </c>
      <c r="J46" s="1">
        <v>165.375</v>
      </c>
      <c r="K46" s="4">
        <v>2.1875000000000002E-3</v>
      </c>
      <c r="L46" s="1">
        <v>42</v>
      </c>
      <c r="M46" s="1">
        <v>1629</v>
      </c>
      <c r="N46" s="1">
        <v>15.46961325966851</v>
      </c>
      <c r="O46" s="1">
        <v>33</v>
      </c>
      <c r="P46" s="1">
        <v>33</v>
      </c>
      <c r="Q46" s="1">
        <v>33</v>
      </c>
      <c r="R46" s="1">
        <v>50</v>
      </c>
      <c r="S46" s="1">
        <v>58</v>
      </c>
      <c r="T46" s="1">
        <v>42</v>
      </c>
      <c r="U46" s="4">
        <v>2.6736111111111101E-3</v>
      </c>
      <c r="V46" s="1">
        <v>30</v>
      </c>
      <c r="W46" s="1">
        <v>2601</v>
      </c>
      <c r="X46" s="1">
        <v>6.9204152249134951</v>
      </c>
      <c r="Y46" s="1">
        <v>31</v>
      </c>
      <c r="Z46" s="1">
        <v>25</v>
      </c>
      <c r="AA46" s="1">
        <v>38</v>
      </c>
      <c r="AB46" s="1">
        <v>25</v>
      </c>
      <c r="AC46" s="1">
        <v>36</v>
      </c>
      <c r="AD46" s="1">
        <v>2115</v>
      </c>
      <c r="AE46" s="1">
        <v>10.212765957446809</v>
      </c>
    </row>
    <row r="47" spans="1:31" x14ac:dyDescent="0.3">
      <c r="A47" s="1">
        <v>46</v>
      </c>
      <c r="B47" s="1">
        <v>0</v>
      </c>
      <c r="C47" s="1">
        <v>46</v>
      </c>
      <c r="D47" s="2">
        <v>3</v>
      </c>
      <c r="E47" s="1">
        <v>157</v>
      </c>
      <c r="F47" s="1">
        <v>55</v>
      </c>
      <c r="G47" s="1">
        <v>22.313278429145196</v>
      </c>
      <c r="H47" s="1">
        <v>14</v>
      </c>
      <c r="I47" s="1">
        <v>32</v>
      </c>
      <c r="J47" s="1">
        <v>224</v>
      </c>
      <c r="K47" s="4">
        <v>2.3958333333333301E-3</v>
      </c>
      <c r="L47" s="1">
        <v>61</v>
      </c>
      <c r="M47" s="1">
        <v>1878</v>
      </c>
      <c r="N47" s="1">
        <v>19.488817891373802</v>
      </c>
      <c r="O47" s="1">
        <v>67</v>
      </c>
      <c r="P47" s="1">
        <v>42</v>
      </c>
      <c r="Q47" s="1">
        <v>67</v>
      </c>
      <c r="R47" s="1">
        <v>75</v>
      </c>
      <c r="S47" s="1">
        <v>58</v>
      </c>
      <c r="T47" s="1">
        <v>58</v>
      </c>
      <c r="U47" s="4">
        <v>2.6273148148148102E-3</v>
      </c>
      <c r="V47" s="1">
        <v>52</v>
      </c>
      <c r="W47" s="1">
        <v>2494</v>
      </c>
      <c r="X47" s="1">
        <v>12.510024057738571</v>
      </c>
      <c r="Y47" s="1">
        <v>44</v>
      </c>
      <c r="Z47" s="1">
        <v>50</v>
      </c>
      <c r="AA47" s="1">
        <v>50</v>
      </c>
      <c r="AB47" s="1">
        <v>62</v>
      </c>
      <c r="AC47" s="1">
        <v>56.5</v>
      </c>
      <c r="AD47" s="1">
        <v>2186</v>
      </c>
      <c r="AE47" s="1">
        <v>15.507776761207685</v>
      </c>
    </row>
    <row r="48" spans="1:31" x14ac:dyDescent="0.3">
      <c r="A48" s="1">
        <v>47</v>
      </c>
      <c r="B48" s="1">
        <v>0</v>
      </c>
      <c r="C48" s="1">
        <v>48</v>
      </c>
      <c r="D48" s="2">
        <v>3</v>
      </c>
      <c r="E48" s="1">
        <v>166</v>
      </c>
      <c r="F48" s="1">
        <v>71</v>
      </c>
      <c r="G48" s="1">
        <v>25.765713456234579</v>
      </c>
      <c r="H48" s="1">
        <v>12</v>
      </c>
      <c r="I48" s="1">
        <v>34</v>
      </c>
      <c r="J48" s="1">
        <v>204</v>
      </c>
      <c r="K48" s="4">
        <v>2.0601851851851901E-3</v>
      </c>
      <c r="L48" s="1">
        <v>56</v>
      </c>
      <c r="M48" s="1">
        <v>1459</v>
      </c>
      <c r="N48" s="1">
        <v>23.029472241261139</v>
      </c>
      <c r="O48" s="1">
        <v>50</v>
      </c>
      <c r="P48" s="1">
        <v>33</v>
      </c>
      <c r="Q48" s="1">
        <v>67</v>
      </c>
      <c r="R48" s="1">
        <v>58</v>
      </c>
      <c r="S48" s="1">
        <v>58</v>
      </c>
      <c r="T48" s="1">
        <v>67</v>
      </c>
      <c r="U48" s="4">
        <v>2.3148148148148099E-3</v>
      </c>
      <c r="V48" s="1">
        <v>30</v>
      </c>
      <c r="W48" s="1">
        <v>2126</v>
      </c>
      <c r="X48" s="1">
        <v>8.4666039510818436</v>
      </c>
      <c r="Y48" s="1">
        <v>38</v>
      </c>
      <c r="Z48" s="1">
        <v>19</v>
      </c>
      <c r="AA48" s="1">
        <v>38</v>
      </c>
      <c r="AB48" s="1">
        <v>25</v>
      </c>
      <c r="AC48" s="1">
        <v>43</v>
      </c>
      <c r="AD48" s="1">
        <v>1792.5</v>
      </c>
      <c r="AE48" s="1">
        <v>14.393305439330545</v>
      </c>
    </row>
    <row r="49" spans="1:31" x14ac:dyDescent="0.3">
      <c r="A49" s="1">
        <v>48</v>
      </c>
      <c r="B49" s="1">
        <v>0</v>
      </c>
      <c r="C49" s="1">
        <v>46</v>
      </c>
      <c r="D49" s="2">
        <v>3</v>
      </c>
      <c r="E49" s="1">
        <v>166</v>
      </c>
      <c r="F49" s="1">
        <v>72</v>
      </c>
      <c r="G49" s="1">
        <v>26.1286108288576</v>
      </c>
      <c r="H49" s="1">
        <v>13</v>
      </c>
      <c r="I49" s="1">
        <v>35.5</v>
      </c>
      <c r="J49" s="1">
        <v>230.75</v>
      </c>
      <c r="K49" s="4">
        <v>1.9675925925925898E-3</v>
      </c>
      <c r="L49" s="1">
        <v>29</v>
      </c>
      <c r="M49" s="1">
        <v>1360</v>
      </c>
      <c r="N49" s="1">
        <v>12.794117647058821</v>
      </c>
      <c r="O49" s="1">
        <v>25</v>
      </c>
      <c r="P49" s="1">
        <v>25</v>
      </c>
      <c r="Q49" s="1">
        <v>42</v>
      </c>
      <c r="R49" s="1">
        <v>25</v>
      </c>
      <c r="S49" s="1">
        <v>33</v>
      </c>
      <c r="T49" s="1">
        <v>25</v>
      </c>
      <c r="U49" s="4">
        <v>2.32638888888889E-3</v>
      </c>
      <c r="V49" s="1">
        <v>31</v>
      </c>
      <c r="W49" s="1">
        <v>2027</v>
      </c>
      <c r="X49" s="1">
        <v>9.1761223482979766</v>
      </c>
      <c r="Y49" s="1">
        <v>31</v>
      </c>
      <c r="Z49" s="1">
        <v>38</v>
      </c>
      <c r="AA49" s="1">
        <v>31</v>
      </c>
      <c r="AB49" s="1">
        <v>25</v>
      </c>
      <c r="AC49" s="1">
        <v>30</v>
      </c>
      <c r="AD49" s="1">
        <v>1693.5</v>
      </c>
      <c r="AE49" s="1">
        <v>10.62887511071745</v>
      </c>
    </row>
    <row r="50" spans="1:31" x14ac:dyDescent="0.3">
      <c r="A50" s="1">
        <v>49</v>
      </c>
      <c r="B50" s="1">
        <v>0</v>
      </c>
      <c r="C50" s="1">
        <v>45</v>
      </c>
      <c r="D50" s="2">
        <v>3</v>
      </c>
      <c r="E50" s="1">
        <v>167</v>
      </c>
      <c r="F50" s="1">
        <v>92</v>
      </c>
      <c r="G50" s="1">
        <v>32.987916382803256</v>
      </c>
      <c r="H50" s="1">
        <v>11</v>
      </c>
      <c r="I50" s="1">
        <v>37.5</v>
      </c>
      <c r="J50" s="1">
        <v>206.25</v>
      </c>
      <c r="K50" s="4">
        <v>1.7013888888888901E-3</v>
      </c>
      <c r="L50" s="1">
        <v>58</v>
      </c>
      <c r="M50" s="1">
        <v>1044</v>
      </c>
      <c r="N50" s="1">
        <v>33.333333333333329</v>
      </c>
      <c r="O50" s="1">
        <v>25</v>
      </c>
      <c r="P50" s="1">
        <v>58</v>
      </c>
      <c r="Q50" s="1">
        <v>67</v>
      </c>
      <c r="R50" s="1">
        <v>67</v>
      </c>
      <c r="S50" s="1">
        <v>58</v>
      </c>
      <c r="T50" s="1">
        <v>75</v>
      </c>
      <c r="U50" s="4">
        <v>2.4074074074074102E-3</v>
      </c>
      <c r="V50" s="1">
        <v>50</v>
      </c>
      <c r="W50" s="1">
        <v>2216</v>
      </c>
      <c r="X50" s="1">
        <v>13.537906137184114</v>
      </c>
      <c r="Y50" s="1">
        <v>38</v>
      </c>
      <c r="Z50" s="1">
        <v>44</v>
      </c>
      <c r="AA50" s="1">
        <v>50</v>
      </c>
      <c r="AB50" s="1">
        <v>69</v>
      </c>
      <c r="AC50" s="1">
        <v>54</v>
      </c>
      <c r="AD50" s="1">
        <v>1630</v>
      </c>
      <c r="AE50" s="1">
        <v>19.877300613496935</v>
      </c>
    </row>
    <row r="51" spans="1:31" x14ac:dyDescent="0.3">
      <c r="A51" s="1">
        <v>50</v>
      </c>
      <c r="B51" s="1">
        <v>0</v>
      </c>
      <c r="C51" s="1">
        <v>50</v>
      </c>
      <c r="D51" s="2">
        <v>3</v>
      </c>
      <c r="E51" s="1">
        <v>175</v>
      </c>
      <c r="F51" s="1">
        <v>77</v>
      </c>
      <c r="G51" s="1">
        <v>25.142857142857142</v>
      </c>
      <c r="H51" s="1">
        <v>12.5</v>
      </c>
      <c r="I51" s="1">
        <v>35.5</v>
      </c>
      <c r="J51" s="1">
        <v>221.875</v>
      </c>
      <c r="K51" s="4">
        <v>2.0370370370370399E-3</v>
      </c>
      <c r="L51" s="1">
        <v>51</v>
      </c>
      <c r="M51" s="1">
        <v>1446</v>
      </c>
      <c r="N51" s="1">
        <v>21.161825726141082</v>
      </c>
      <c r="O51" s="1">
        <v>33</v>
      </c>
      <c r="P51" s="1">
        <v>33</v>
      </c>
      <c r="Q51" s="1">
        <v>58</v>
      </c>
      <c r="R51" s="1">
        <v>58</v>
      </c>
      <c r="S51" s="1">
        <v>42</v>
      </c>
      <c r="T51" s="1">
        <v>83</v>
      </c>
      <c r="U51" s="4">
        <v>2.3032407407407398E-3</v>
      </c>
      <c r="V51" s="1">
        <v>62</v>
      </c>
      <c r="W51" s="1">
        <v>2055</v>
      </c>
      <c r="X51" s="1">
        <v>18.102189781021895</v>
      </c>
      <c r="Y51" s="1">
        <v>50</v>
      </c>
      <c r="Z51" s="1">
        <v>75</v>
      </c>
      <c r="AA51" s="1">
        <v>75</v>
      </c>
      <c r="AB51" s="1">
        <v>50</v>
      </c>
      <c r="AC51" s="1">
        <v>56.5</v>
      </c>
      <c r="AD51" s="1">
        <v>1750.5</v>
      </c>
      <c r="AE51" s="1">
        <v>19.365895458440441</v>
      </c>
    </row>
    <row r="52" spans="1:31" x14ac:dyDescent="0.3">
      <c r="A52" s="1">
        <v>51</v>
      </c>
      <c r="B52" s="1">
        <v>1</v>
      </c>
      <c r="C52" s="1">
        <v>48</v>
      </c>
      <c r="D52" s="2">
        <v>3</v>
      </c>
      <c r="E52" s="1">
        <v>182</v>
      </c>
      <c r="F52" s="1">
        <v>118</v>
      </c>
      <c r="G52" s="1">
        <v>35.623716942398261</v>
      </c>
      <c r="H52" s="1">
        <v>16</v>
      </c>
      <c r="I52" s="1">
        <v>47</v>
      </c>
      <c r="J52" s="1">
        <v>376</v>
      </c>
      <c r="K52" s="4">
        <v>2.0023148148148101E-3</v>
      </c>
      <c r="L52" s="1">
        <v>54</v>
      </c>
      <c r="M52" s="1">
        <v>1397</v>
      </c>
      <c r="N52" s="1">
        <v>23.19255547602004</v>
      </c>
      <c r="O52" s="1">
        <v>33</v>
      </c>
      <c r="P52" s="1">
        <v>58</v>
      </c>
      <c r="Q52" s="1">
        <v>50</v>
      </c>
      <c r="R52" s="1">
        <v>67</v>
      </c>
      <c r="S52" s="1">
        <v>58</v>
      </c>
      <c r="T52" s="1">
        <v>58</v>
      </c>
      <c r="U52" s="4">
        <v>2.38425925925926E-3</v>
      </c>
      <c r="V52" s="1">
        <v>64</v>
      </c>
      <c r="W52" s="1">
        <v>2150</v>
      </c>
      <c r="X52" s="1">
        <v>17.86046511627907</v>
      </c>
      <c r="Y52" s="1">
        <v>38</v>
      </c>
      <c r="Z52" s="1">
        <v>62</v>
      </c>
      <c r="AA52" s="1">
        <v>69</v>
      </c>
      <c r="AB52" s="1">
        <v>88</v>
      </c>
      <c r="AC52" s="1">
        <v>59</v>
      </c>
      <c r="AD52" s="1">
        <v>1773.5</v>
      </c>
      <c r="AE52" s="1">
        <v>19.960530025373554</v>
      </c>
    </row>
    <row r="53" spans="1:31" x14ac:dyDescent="0.3">
      <c r="A53" s="1">
        <v>52</v>
      </c>
      <c r="B53" s="1">
        <v>1</v>
      </c>
      <c r="C53" s="1">
        <v>44</v>
      </c>
      <c r="D53" s="2">
        <v>3</v>
      </c>
      <c r="E53" s="1">
        <v>180</v>
      </c>
      <c r="F53" s="1">
        <v>80</v>
      </c>
      <c r="G53" s="1">
        <v>24.691358024691358</v>
      </c>
      <c r="H53" s="1">
        <v>13.5</v>
      </c>
      <c r="I53" s="1">
        <v>38.5</v>
      </c>
      <c r="J53" s="1">
        <v>259.875</v>
      </c>
      <c r="K53" s="4">
        <v>2.0023148148148101E-3</v>
      </c>
      <c r="L53" s="1">
        <v>64</v>
      </c>
      <c r="M53" s="1">
        <v>1400</v>
      </c>
      <c r="N53" s="1">
        <v>27.428571428571427</v>
      </c>
      <c r="O53" s="1">
        <v>58</v>
      </c>
      <c r="P53" s="1">
        <v>42</v>
      </c>
      <c r="Q53" s="1">
        <v>67</v>
      </c>
      <c r="R53" s="1">
        <v>75</v>
      </c>
      <c r="S53" s="1">
        <v>67</v>
      </c>
      <c r="T53" s="1">
        <v>75</v>
      </c>
      <c r="U53" s="4">
        <v>2.5115740740740702E-3</v>
      </c>
      <c r="V53" s="1">
        <v>62</v>
      </c>
      <c r="W53" s="1">
        <v>2195</v>
      </c>
      <c r="X53" s="1">
        <v>16.94760820045558</v>
      </c>
      <c r="Y53" s="1">
        <v>62</v>
      </c>
      <c r="Z53" s="1">
        <v>56</v>
      </c>
      <c r="AA53" s="1">
        <v>75</v>
      </c>
      <c r="AB53" s="1">
        <v>56</v>
      </c>
      <c r="AC53" s="1">
        <v>63</v>
      </c>
      <c r="AD53" s="1">
        <v>1797.5</v>
      </c>
      <c r="AE53" s="1">
        <v>21.029207232267034</v>
      </c>
    </row>
    <row r="54" spans="1:31" x14ac:dyDescent="0.3">
      <c r="A54" s="1">
        <v>53</v>
      </c>
      <c r="B54" s="1">
        <v>1</v>
      </c>
      <c r="C54" s="1">
        <v>43</v>
      </c>
      <c r="D54" s="2">
        <v>3</v>
      </c>
      <c r="E54" s="1">
        <v>182</v>
      </c>
      <c r="F54" s="1">
        <v>104</v>
      </c>
      <c r="G54" s="1">
        <v>31.397174254317108</v>
      </c>
      <c r="H54" s="1">
        <v>18</v>
      </c>
      <c r="I54" s="1">
        <v>41</v>
      </c>
      <c r="J54" s="1">
        <v>369</v>
      </c>
      <c r="K54" s="4">
        <v>1.8402777777777801E-3</v>
      </c>
      <c r="L54" s="1">
        <v>43</v>
      </c>
      <c r="M54" s="1">
        <v>1172</v>
      </c>
      <c r="N54" s="1">
        <v>22.013651877133107</v>
      </c>
      <c r="O54" s="1">
        <v>33</v>
      </c>
      <c r="P54" s="1">
        <v>75</v>
      </c>
      <c r="Q54" s="1">
        <v>50</v>
      </c>
      <c r="R54" s="1">
        <v>33</v>
      </c>
      <c r="S54" s="1">
        <v>17</v>
      </c>
      <c r="T54" s="1">
        <v>50</v>
      </c>
      <c r="U54" s="4">
        <v>2.5462962962963E-3</v>
      </c>
      <c r="V54" s="1">
        <v>67</v>
      </c>
      <c r="W54" s="1">
        <v>2273</v>
      </c>
      <c r="X54" s="1">
        <v>17.685877694676638</v>
      </c>
      <c r="Y54" s="1">
        <v>50</v>
      </c>
      <c r="Z54" s="1">
        <v>81</v>
      </c>
      <c r="AA54" s="1">
        <v>62</v>
      </c>
      <c r="AB54" s="1">
        <v>75</v>
      </c>
      <c r="AC54" s="1">
        <v>55</v>
      </c>
      <c r="AD54" s="1">
        <v>1722.5</v>
      </c>
      <c r="AE54" s="1">
        <v>19.158200290275762</v>
      </c>
    </row>
    <row r="55" spans="1:31" x14ac:dyDescent="0.3">
      <c r="A55" s="1">
        <v>54</v>
      </c>
      <c r="B55" s="1">
        <v>1</v>
      </c>
      <c r="C55" s="1">
        <v>43</v>
      </c>
      <c r="D55" s="2">
        <v>3</v>
      </c>
      <c r="E55" s="1">
        <v>176</v>
      </c>
      <c r="F55" s="1">
        <v>94</v>
      </c>
      <c r="G55" s="1">
        <v>30.346074380165291</v>
      </c>
      <c r="H55" s="1">
        <v>15</v>
      </c>
      <c r="I55" s="1">
        <v>42</v>
      </c>
      <c r="J55" s="1">
        <v>315</v>
      </c>
      <c r="K55" s="4">
        <v>1.99074074074074E-3</v>
      </c>
      <c r="L55" s="1">
        <v>62</v>
      </c>
      <c r="M55" s="1">
        <v>1347</v>
      </c>
      <c r="N55" s="1">
        <v>27.61692650334076</v>
      </c>
      <c r="O55" s="1">
        <v>67</v>
      </c>
      <c r="P55" s="1">
        <v>75</v>
      </c>
      <c r="Q55" s="1">
        <v>50</v>
      </c>
      <c r="R55" s="1">
        <v>67</v>
      </c>
      <c r="S55" s="1">
        <v>67</v>
      </c>
      <c r="T55" s="1">
        <v>50</v>
      </c>
      <c r="U55" s="4">
        <v>2.3611111111111098E-3</v>
      </c>
      <c r="V55" s="1">
        <v>56</v>
      </c>
      <c r="W55" s="1">
        <v>2154</v>
      </c>
      <c r="X55" s="1">
        <v>15.598885793871865</v>
      </c>
      <c r="Y55" s="1">
        <v>62</v>
      </c>
      <c r="Z55" s="1">
        <v>38</v>
      </c>
      <c r="AA55" s="1">
        <v>62</v>
      </c>
      <c r="AB55" s="1">
        <v>62</v>
      </c>
      <c r="AC55" s="1">
        <v>59</v>
      </c>
      <c r="AD55" s="1">
        <v>1750.5</v>
      </c>
      <c r="AE55" s="1">
        <v>20.222793487574975</v>
      </c>
    </row>
    <row r="56" spans="1:31" x14ac:dyDescent="0.3">
      <c r="A56" s="1">
        <v>55</v>
      </c>
      <c r="B56" s="1">
        <v>1</v>
      </c>
      <c r="C56" s="1">
        <v>48</v>
      </c>
      <c r="D56" s="2">
        <v>3</v>
      </c>
      <c r="E56" s="1">
        <v>181</v>
      </c>
      <c r="F56" s="1">
        <v>125</v>
      </c>
      <c r="G56" s="1">
        <v>38.15512346997955</v>
      </c>
      <c r="H56" s="1">
        <v>14</v>
      </c>
      <c r="I56" s="1">
        <v>47</v>
      </c>
      <c r="J56" s="1">
        <v>329</v>
      </c>
      <c r="K56" s="4">
        <v>2.3148148148148099E-3</v>
      </c>
      <c r="L56" s="1">
        <v>68</v>
      </c>
      <c r="M56" s="1">
        <v>1772</v>
      </c>
      <c r="N56" s="1">
        <v>23.024830699774267</v>
      </c>
      <c r="O56" s="1">
        <v>58</v>
      </c>
      <c r="P56" s="1">
        <v>83</v>
      </c>
      <c r="Q56" s="1">
        <v>67</v>
      </c>
      <c r="R56" s="1">
        <v>67</v>
      </c>
      <c r="S56" s="1">
        <v>67</v>
      </c>
      <c r="T56" s="1">
        <v>67</v>
      </c>
      <c r="U56" s="4">
        <v>2.5578703703703701E-3</v>
      </c>
      <c r="V56" s="1">
        <v>31</v>
      </c>
      <c r="W56" s="1">
        <v>2383</v>
      </c>
      <c r="X56" s="1">
        <v>7.8052874527906004</v>
      </c>
      <c r="Y56" s="1">
        <v>44</v>
      </c>
      <c r="Z56" s="1">
        <v>25</v>
      </c>
      <c r="AA56" s="1">
        <v>25</v>
      </c>
      <c r="AB56" s="1">
        <v>31</v>
      </c>
      <c r="AC56" s="1">
        <v>49.5</v>
      </c>
      <c r="AD56" s="1">
        <v>2077.5</v>
      </c>
      <c r="AE56" s="1">
        <v>14.296028880866425</v>
      </c>
    </row>
    <row r="57" spans="1:31" x14ac:dyDescent="0.3">
      <c r="A57" s="1">
        <v>56</v>
      </c>
      <c r="B57" s="1">
        <v>1</v>
      </c>
      <c r="C57" s="1">
        <v>44</v>
      </c>
      <c r="D57" s="2">
        <v>3</v>
      </c>
      <c r="E57" s="1">
        <v>169</v>
      </c>
      <c r="F57" s="1">
        <v>76.099999999999994</v>
      </c>
      <c r="G57" s="1">
        <v>26.644725324743533</v>
      </c>
      <c r="H57" s="1">
        <v>15</v>
      </c>
      <c r="I57" s="1">
        <v>40</v>
      </c>
      <c r="J57" s="1">
        <v>300</v>
      </c>
      <c r="K57" s="4">
        <v>2.0717592592592602E-3</v>
      </c>
      <c r="L57" s="1">
        <v>67</v>
      </c>
      <c r="M57" s="1">
        <v>1478</v>
      </c>
      <c r="N57" s="1">
        <v>27.19891745602165</v>
      </c>
      <c r="O57" s="1">
        <v>50</v>
      </c>
      <c r="P57" s="1">
        <v>67</v>
      </c>
      <c r="Q57" s="1">
        <v>58</v>
      </c>
      <c r="R57" s="1">
        <v>75</v>
      </c>
      <c r="S57" s="1">
        <v>75</v>
      </c>
      <c r="T57" s="1">
        <v>75</v>
      </c>
      <c r="U57" s="4">
        <v>2.5694444444444402E-3</v>
      </c>
      <c r="V57" s="1">
        <v>20</v>
      </c>
      <c r="W57" s="1">
        <v>2357</v>
      </c>
      <c r="X57" s="1">
        <v>5.0912176495545172</v>
      </c>
      <c r="Y57" s="1">
        <v>19</v>
      </c>
      <c r="Z57" s="1">
        <v>19</v>
      </c>
      <c r="AA57" s="1">
        <v>19</v>
      </c>
      <c r="AB57" s="1">
        <v>25</v>
      </c>
      <c r="AC57" s="1">
        <v>43.5</v>
      </c>
      <c r="AD57" s="1">
        <v>1917.5</v>
      </c>
      <c r="AE57" s="1">
        <v>13.611473272490221</v>
      </c>
    </row>
    <row r="58" spans="1:31" x14ac:dyDescent="0.3">
      <c r="A58" s="1">
        <v>57</v>
      </c>
      <c r="B58" s="1">
        <v>1</v>
      </c>
      <c r="C58" s="1">
        <v>46</v>
      </c>
      <c r="D58" s="2">
        <v>3</v>
      </c>
      <c r="E58" s="1">
        <v>177</v>
      </c>
      <c r="F58" s="1">
        <v>80</v>
      </c>
      <c r="G58" s="1">
        <v>25.535446391522228</v>
      </c>
      <c r="H58" s="1">
        <v>12.5</v>
      </c>
      <c r="I58" s="1">
        <v>39</v>
      </c>
      <c r="J58" s="1">
        <v>243.75</v>
      </c>
      <c r="K58" s="4">
        <v>2.70833333333333E-3</v>
      </c>
      <c r="L58" s="1">
        <v>51</v>
      </c>
      <c r="M58" s="1">
        <v>2250</v>
      </c>
      <c r="N58" s="1">
        <v>13.600000000000001</v>
      </c>
      <c r="O58" s="1">
        <v>42</v>
      </c>
      <c r="P58" s="1">
        <v>42</v>
      </c>
      <c r="Q58" s="1">
        <v>75</v>
      </c>
      <c r="R58" s="1">
        <v>50</v>
      </c>
      <c r="S58" s="1">
        <v>58</v>
      </c>
      <c r="T58" s="1">
        <v>42</v>
      </c>
      <c r="U58" s="4">
        <v>3.1134259259259301E-3</v>
      </c>
      <c r="V58" s="1">
        <v>42</v>
      </c>
      <c r="W58" s="1">
        <v>3118</v>
      </c>
      <c r="X58" s="1">
        <v>8.0821039127645928</v>
      </c>
      <c r="Y58" s="1">
        <v>50</v>
      </c>
      <c r="Z58" s="1">
        <v>31</v>
      </c>
      <c r="AA58" s="1">
        <v>31</v>
      </c>
      <c r="AB58" s="1">
        <v>56</v>
      </c>
      <c r="AC58" s="1">
        <v>46.5</v>
      </c>
      <c r="AD58" s="1">
        <v>2684</v>
      </c>
      <c r="AE58" s="1">
        <v>10.394932935916541</v>
      </c>
    </row>
    <row r="59" spans="1:31" x14ac:dyDescent="0.3">
      <c r="A59" s="1">
        <v>58</v>
      </c>
      <c r="B59" s="1">
        <v>1</v>
      </c>
      <c r="C59" s="1">
        <v>44</v>
      </c>
      <c r="D59" s="2">
        <v>3</v>
      </c>
      <c r="E59" s="1">
        <v>178</v>
      </c>
      <c r="F59" s="1">
        <v>89</v>
      </c>
      <c r="G59" s="1">
        <v>28.089887640449437</v>
      </c>
      <c r="H59" s="1">
        <v>13</v>
      </c>
      <c r="I59" s="1">
        <v>41.5</v>
      </c>
      <c r="J59" s="1">
        <v>269.75</v>
      </c>
      <c r="K59" s="4">
        <v>2.32638888888889E-3</v>
      </c>
      <c r="L59" s="1">
        <v>56</v>
      </c>
      <c r="M59" s="1">
        <v>1795</v>
      </c>
      <c r="N59" s="1">
        <v>18.718662952646241</v>
      </c>
      <c r="O59" s="1">
        <v>58</v>
      </c>
      <c r="P59" s="1">
        <v>58</v>
      </c>
      <c r="Q59" s="1">
        <v>50</v>
      </c>
      <c r="R59" s="1">
        <v>83</v>
      </c>
      <c r="S59" s="1">
        <v>50</v>
      </c>
      <c r="T59" s="1">
        <v>33</v>
      </c>
      <c r="U59" s="4">
        <v>2.6736111111111101E-3</v>
      </c>
      <c r="V59" s="1">
        <v>59</v>
      </c>
      <c r="W59" s="1">
        <v>2529</v>
      </c>
      <c r="X59" s="1">
        <v>13.997627520759192</v>
      </c>
      <c r="Y59" s="1">
        <v>44</v>
      </c>
      <c r="Z59" s="1">
        <v>56</v>
      </c>
      <c r="AA59" s="1">
        <v>69</v>
      </c>
      <c r="AB59" s="1">
        <v>69</v>
      </c>
      <c r="AC59" s="1">
        <v>57.5</v>
      </c>
      <c r="AD59" s="1">
        <v>2162</v>
      </c>
      <c r="AE59" s="1">
        <v>15.957446808510639</v>
      </c>
    </row>
    <row r="60" spans="1:31" x14ac:dyDescent="0.3">
      <c r="A60" s="1">
        <v>59</v>
      </c>
      <c r="B60" s="1">
        <v>1</v>
      </c>
      <c r="C60" s="1">
        <v>44</v>
      </c>
      <c r="D60" s="2">
        <v>3</v>
      </c>
      <c r="E60" s="1">
        <v>172</v>
      </c>
      <c r="F60" s="1">
        <v>67.5</v>
      </c>
      <c r="G60" s="1">
        <v>22.816387236343971</v>
      </c>
      <c r="H60" s="1">
        <v>15</v>
      </c>
      <c r="I60" s="1">
        <v>38</v>
      </c>
      <c r="J60" s="1">
        <v>285</v>
      </c>
      <c r="K60" s="4">
        <v>2.1296296296296302E-3</v>
      </c>
      <c r="L60" s="1">
        <v>64</v>
      </c>
      <c r="M60" s="1">
        <v>1555</v>
      </c>
      <c r="N60" s="1">
        <v>24.694533762057876</v>
      </c>
      <c r="O60" s="1">
        <v>58</v>
      </c>
      <c r="P60" s="1">
        <v>50</v>
      </c>
      <c r="Q60" s="1">
        <v>75</v>
      </c>
      <c r="R60" s="1">
        <v>83</v>
      </c>
      <c r="S60" s="1">
        <v>58</v>
      </c>
      <c r="T60" s="1">
        <v>58</v>
      </c>
      <c r="U60" s="4">
        <v>2.66203703703704E-3</v>
      </c>
      <c r="V60" s="1">
        <v>45</v>
      </c>
      <c r="W60" s="1">
        <v>2456</v>
      </c>
      <c r="X60" s="1">
        <v>10.993485342019543</v>
      </c>
      <c r="Y60" s="1">
        <v>25</v>
      </c>
      <c r="Z60" s="1">
        <v>56</v>
      </c>
      <c r="AA60" s="1">
        <v>44</v>
      </c>
      <c r="AB60" s="1">
        <v>56</v>
      </c>
      <c r="AC60" s="1">
        <v>54.5</v>
      </c>
      <c r="AD60" s="1">
        <v>2005.5</v>
      </c>
      <c r="AE60" s="1">
        <v>16.305160807778609</v>
      </c>
    </row>
    <row r="61" spans="1:31" x14ac:dyDescent="0.3">
      <c r="A61" s="1">
        <v>60</v>
      </c>
      <c r="B61" s="1">
        <v>1</v>
      </c>
      <c r="C61" s="1">
        <v>45</v>
      </c>
      <c r="D61" s="2">
        <v>3</v>
      </c>
      <c r="E61" s="1">
        <v>172</v>
      </c>
      <c r="F61" s="1">
        <v>60</v>
      </c>
      <c r="G61" s="1">
        <v>20.281233098972418</v>
      </c>
      <c r="H61" s="1">
        <v>13</v>
      </c>
      <c r="I61" s="1">
        <v>35.5</v>
      </c>
      <c r="J61" s="1">
        <v>230.75</v>
      </c>
      <c r="K61" s="4">
        <v>2.21064814814815E-3</v>
      </c>
      <c r="L61" s="1">
        <v>85</v>
      </c>
      <c r="M61" s="1">
        <v>1650</v>
      </c>
      <c r="N61" s="1">
        <v>30.909090909090907</v>
      </c>
      <c r="O61" s="1">
        <v>67</v>
      </c>
      <c r="P61" s="1">
        <v>83</v>
      </c>
      <c r="Q61" s="1">
        <v>83</v>
      </c>
      <c r="R61" s="1">
        <v>92</v>
      </c>
      <c r="S61" s="1">
        <v>92</v>
      </c>
      <c r="T61" s="1">
        <v>92</v>
      </c>
      <c r="U61" s="4">
        <v>2.5925925925925899E-3</v>
      </c>
      <c r="V61" s="1">
        <v>62</v>
      </c>
      <c r="W61" s="1">
        <v>2412</v>
      </c>
      <c r="X61" s="1">
        <v>15.422885572139304</v>
      </c>
      <c r="Y61" s="1">
        <v>56</v>
      </c>
      <c r="Z61" s="1">
        <v>56</v>
      </c>
      <c r="AA61" s="1">
        <v>69</v>
      </c>
      <c r="AB61" s="1">
        <v>69</v>
      </c>
      <c r="AC61" s="1">
        <v>73.5</v>
      </c>
      <c r="AD61" s="1">
        <v>2031</v>
      </c>
      <c r="AE61" s="1">
        <v>21.71344165435746</v>
      </c>
    </row>
    <row r="62" spans="1:31" x14ac:dyDescent="0.3">
      <c r="A62" s="1">
        <v>61</v>
      </c>
      <c r="B62" s="1">
        <v>0</v>
      </c>
      <c r="C62" s="1">
        <v>54</v>
      </c>
      <c r="D62" s="2">
        <v>4</v>
      </c>
      <c r="E62" s="1">
        <v>168</v>
      </c>
      <c r="F62" s="1">
        <v>96</v>
      </c>
      <c r="G62" s="1">
        <v>34.013605442176875</v>
      </c>
      <c r="H62" s="1">
        <v>14.5</v>
      </c>
      <c r="I62" s="1">
        <v>37.5</v>
      </c>
      <c r="J62" s="1">
        <v>271.875</v>
      </c>
      <c r="K62" s="4">
        <v>2.1759259259259301E-3</v>
      </c>
      <c r="L62" s="1">
        <v>50</v>
      </c>
      <c r="M62" s="1">
        <v>1612</v>
      </c>
      <c r="N62" s="1">
        <v>18.610421836228287</v>
      </c>
      <c r="O62" s="1">
        <v>42</v>
      </c>
      <c r="P62" s="1">
        <v>42</v>
      </c>
      <c r="Q62" s="1">
        <v>50</v>
      </c>
      <c r="R62" s="1">
        <v>67</v>
      </c>
      <c r="S62" s="1">
        <v>33</v>
      </c>
      <c r="T62" s="1">
        <v>67</v>
      </c>
      <c r="U62" s="4">
        <v>2.38425925925926E-3</v>
      </c>
      <c r="V62" s="1">
        <v>45</v>
      </c>
      <c r="W62" s="1">
        <v>2127</v>
      </c>
      <c r="X62" s="1">
        <v>12.693935119887165</v>
      </c>
      <c r="Y62" s="1">
        <v>31</v>
      </c>
      <c r="Z62" s="1">
        <v>44</v>
      </c>
      <c r="AA62" s="1">
        <v>50</v>
      </c>
      <c r="AB62" s="1">
        <v>56</v>
      </c>
      <c r="AC62" s="1">
        <v>47.5</v>
      </c>
      <c r="AD62" s="1">
        <v>1869.5</v>
      </c>
      <c r="AE62" s="1">
        <v>15.244717838994383</v>
      </c>
    </row>
    <row r="63" spans="1:31" x14ac:dyDescent="0.3">
      <c r="A63" s="1">
        <v>62</v>
      </c>
      <c r="B63" s="1">
        <v>0</v>
      </c>
      <c r="C63" s="1">
        <v>52</v>
      </c>
      <c r="D63" s="2">
        <v>4</v>
      </c>
      <c r="E63" s="1">
        <v>152</v>
      </c>
      <c r="F63" s="1">
        <v>76.900000000000006</v>
      </c>
      <c r="G63" s="1">
        <v>33.284279778393355</v>
      </c>
      <c r="H63" s="1">
        <v>13</v>
      </c>
      <c r="I63" s="1">
        <v>37</v>
      </c>
      <c r="J63" s="1">
        <v>240.5</v>
      </c>
      <c r="K63" s="4">
        <v>2.1527777777777799E-3</v>
      </c>
      <c r="L63" s="1">
        <v>25</v>
      </c>
      <c r="M63" s="1">
        <v>1580</v>
      </c>
      <c r="N63" s="1">
        <v>9.4936708860759484</v>
      </c>
      <c r="O63" s="1">
        <v>25</v>
      </c>
      <c r="P63" s="1">
        <v>25</v>
      </c>
      <c r="Q63" s="1">
        <v>25</v>
      </c>
      <c r="R63" s="1">
        <v>8</v>
      </c>
      <c r="S63" s="1">
        <v>42</v>
      </c>
      <c r="T63" s="1">
        <v>25</v>
      </c>
      <c r="U63" s="4">
        <v>1.49305555555556E-3</v>
      </c>
      <c r="V63" s="1">
        <v>11</v>
      </c>
      <c r="W63" s="1">
        <v>939</v>
      </c>
      <c r="X63" s="1">
        <v>7.0287539936102243</v>
      </c>
      <c r="Y63" s="1">
        <v>12</v>
      </c>
      <c r="Z63" s="1">
        <v>12</v>
      </c>
      <c r="AA63" s="1">
        <v>12</v>
      </c>
      <c r="AB63" s="1">
        <v>6</v>
      </c>
      <c r="AC63" s="1">
        <v>18</v>
      </c>
      <c r="AD63" s="1">
        <v>1259.5</v>
      </c>
      <c r="AE63" s="1">
        <v>8.5748312822548627</v>
      </c>
    </row>
    <row r="64" spans="1:31" x14ac:dyDescent="0.3">
      <c r="A64" s="1">
        <v>63</v>
      </c>
      <c r="B64" s="1">
        <v>0</v>
      </c>
      <c r="C64" s="1">
        <v>55</v>
      </c>
      <c r="D64" s="2">
        <v>4</v>
      </c>
      <c r="E64" s="1">
        <v>160</v>
      </c>
      <c r="F64" s="1">
        <v>50</v>
      </c>
      <c r="G64" s="1">
        <v>19.531249999999996</v>
      </c>
      <c r="H64" s="1">
        <v>17</v>
      </c>
      <c r="I64" s="1">
        <v>30</v>
      </c>
      <c r="J64" s="1">
        <v>255</v>
      </c>
      <c r="K64" s="4">
        <v>2.1296296296296302E-3</v>
      </c>
      <c r="L64" s="1">
        <v>60</v>
      </c>
      <c r="M64" s="1">
        <v>1549</v>
      </c>
      <c r="N64" s="1">
        <v>23.240800516462237</v>
      </c>
      <c r="O64" s="1">
        <v>42</v>
      </c>
      <c r="P64" s="1">
        <v>75</v>
      </c>
      <c r="Q64" s="1">
        <v>75</v>
      </c>
      <c r="R64" s="1">
        <v>58</v>
      </c>
      <c r="S64" s="1">
        <v>50</v>
      </c>
      <c r="T64" s="1">
        <v>58</v>
      </c>
      <c r="U64" s="4">
        <v>2.44212962962963E-3</v>
      </c>
      <c r="V64" s="1">
        <v>28</v>
      </c>
      <c r="W64" s="1">
        <v>2269</v>
      </c>
      <c r="X64" s="1">
        <v>7.4041427941824587</v>
      </c>
      <c r="Y64" s="1">
        <v>38</v>
      </c>
      <c r="Z64" s="1">
        <v>12</v>
      </c>
      <c r="AA64" s="1">
        <v>19</v>
      </c>
      <c r="AB64" s="1">
        <v>44</v>
      </c>
      <c r="AC64" s="1">
        <v>44</v>
      </c>
      <c r="AD64" s="1">
        <v>1909</v>
      </c>
      <c r="AE64" s="1">
        <v>13.829229963331587</v>
      </c>
    </row>
    <row r="65" spans="1:31" x14ac:dyDescent="0.3">
      <c r="A65" s="1">
        <v>64</v>
      </c>
      <c r="B65" s="1">
        <v>0</v>
      </c>
      <c r="C65" s="1">
        <v>58</v>
      </c>
      <c r="D65" s="2">
        <v>4</v>
      </c>
      <c r="E65" s="1">
        <v>155</v>
      </c>
      <c r="F65" s="1">
        <v>55</v>
      </c>
      <c r="G65" s="1">
        <v>22.892819979188342</v>
      </c>
      <c r="H65" s="1">
        <v>15</v>
      </c>
      <c r="I65" s="1">
        <v>36</v>
      </c>
      <c r="J65" s="1">
        <v>270</v>
      </c>
      <c r="K65" s="4">
        <v>2.5115740740740702E-3</v>
      </c>
      <c r="L65" s="1">
        <v>71</v>
      </c>
      <c r="M65" s="1">
        <v>2011</v>
      </c>
      <c r="N65" s="1">
        <v>21.183490800596715</v>
      </c>
      <c r="O65" s="1">
        <v>58</v>
      </c>
      <c r="P65" s="1">
        <v>83</v>
      </c>
      <c r="Q65" s="1">
        <v>83</v>
      </c>
      <c r="R65" s="1">
        <v>83</v>
      </c>
      <c r="S65" s="1">
        <v>50</v>
      </c>
      <c r="T65" s="1">
        <v>67</v>
      </c>
      <c r="U65" s="4">
        <v>2.8703703703703699E-3</v>
      </c>
      <c r="V65" s="1">
        <v>38</v>
      </c>
      <c r="W65" s="1">
        <v>2613</v>
      </c>
      <c r="X65" s="1">
        <v>8.7256027554535027</v>
      </c>
      <c r="Y65" s="1">
        <v>25</v>
      </c>
      <c r="Z65" s="1">
        <v>31</v>
      </c>
      <c r="AA65" s="1">
        <v>50</v>
      </c>
      <c r="AB65" s="1">
        <v>44</v>
      </c>
      <c r="AC65" s="1">
        <v>54.5</v>
      </c>
      <c r="AD65" s="1">
        <v>2312</v>
      </c>
      <c r="AE65" s="1">
        <v>14.143598615916957</v>
      </c>
    </row>
    <row r="66" spans="1:31" x14ac:dyDescent="0.3">
      <c r="A66" s="1">
        <v>65</v>
      </c>
      <c r="B66" s="1">
        <v>0</v>
      </c>
      <c r="C66" s="1">
        <v>57</v>
      </c>
      <c r="D66" s="2">
        <v>4</v>
      </c>
      <c r="E66" s="1">
        <v>155</v>
      </c>
      <c r="F66" s="1">
        <v>55</v>
      </c>
      <c r="G66" s="1">
        <v>22.892819979188342</v>
      </c>
      <c r="H66" s="1">
        <v>17</v>
      </c>
      <c r="I66" s="1">
        <v>35</v>
      </c>
      <c r="J66" s="1">
        <v>297.5</v>
      </c>
      <c r="K66" s="4">
        <v>2.3495370370370402E-3</v>
      </c>
      <c r="L66" s="1">
        <v>35</v>
      </c>
      <c r="M66" s="1">
        <v>1824</v>
      </c>
      <c r="N66" s="1">
        <v>11.513157894736841</v>
      </c>
      <c r="O66" s="1">
        <v>33</v>
      </c>
      <c r="P66" s="1">
        <v>33</v>
      </c>
      <c r="Q66" s="1">
        <v>25</v>
      </c>
      <c r="R66" s="1">
        <v>50</v>
      </c>
      <c r="S66" s="1">
        <v>42</v>
      </c>
      <c r="T66" s="1">
        <v>25</v>
      </c>
      <c r="U66" s="4">
        <v>3.2407407407407402E-3</v>
      </c>
      <c r="V66" s="1">
        <v>27</v>
      </c>
      <c r="W66" s="1">
        <v>3194</v>
      </c>
      <c r="X66" s="1">
        <v>5.0720100187852228</v>
      </c>
      <c r="Y66" s="1">
        <v>12</v>
      </c>
      <c r="Z66" s="1">
        <v>19</v>
      </c>
      <c r="AA66" s="1">
        <v>44</v>
      </c>
      <c r="AB66" s="1">
        <v>31</v>
      </c>
      <c r="AC66" s="1">
        <v>31</v>
      </c>
      <c r="AD66" s="1">
        <v>2509</v>
      </c>
      <c r="AE66" s="1">
        <v>7.4133120765245124</v>
      </c>
    </row>
    <row r="67" spans="1:31" x14ac:dyDescent="0.3">
      <c r="A67" s="1">
        <v>66</v>
      </c>
      <c r="B67" s="1">
        <v>0</v>
      </c>
      <c r="C67" s="1">
        <v>57</v>
      </c>
      <c r="D67" s="2">
        <v>4</v>
      </c>
      <c r="E67" s="1">
        <v>164</v>
      </c>
      <c r="F67" s="1">
        <v>63</v>
      </c>
      <c r="G67" s="1">
        <v>23.423557406305775</v>
      </c>
      <c r="H67" s="1">
        <v>9.5</v>
      </c>
      <c r="I67" s="1">
        <v>36</v>
      </c>
      <c r="J67" s="1">
        <v>171</v>
      </c>
      <c r="K67" s="4">
        <v>2.66203703703704E-3</v>
      </c>
      <c r="L67" s="1">
        <v>58</v>
      </c>
      <c r="M67" s="1">
        <v>2197</v>
      </c>
      <c r="N67" s="1">
        <v>15.839781520254892</v>
      </c>
      <c r="O67" s="1">
        <v>67</v>
      </c>
      <c r="P67" s="1">
        <v>50</v>
      </c>
      <c r="Q67" s="1">
        <v>67</v>
      </c>
      <c r="R67" s="1">
        <v>42</v>
      </c>
      <c r="S67" s="1">
        <v>67</v>
      </c>
      <c r="T67" s="1">
        <v>58</v>
      </c>
      <c r="U67" s="4">
        <v>2.4189814814814799E-3</v>
      </c>
      <c r="V67" s="1">
        <v>23</v>
      </c>
      <c r="W67" s="1">
        <v>2228</v>
      </c>
      <c r="X67" s="1">
        <v>6.1938958707360854</v>
      </c>
      <c r="Y67" s="1">
        <v>19</v>
      </c>
      <c r="Z67" s="1">
        <v>31</v>
      </c>
      <c r="AA67" s="1">
        <v>19</v>
      </c>
      <c r="AB67" s="1">
        <v>25</v>
      </c>
      <c r="AC67" s="1">
        <v>40.5</v>
      </c>
      <c r="AD67" s="1">
        <v>2212.5</v>
      </c>
      <c r="AE67" s="1">
        <v>10.983050847457626</v>
      </c>
    </row>
    <row r="68" spans="1:31" x14ac:dyDescent="0.3">
      <c r="A68" s="1">
        <v>67</v>
      </c>
      <c r="B68" s="1">
        <v>0</v>
      </c>
      <c r="C68" s="1">
        <v>57</v>
      </c>
      <c r="D68" s="2">
        <v>4</v>
      </c>
      <c r="E68" s="1">
        <v>165</v>
      </c>
      <c r="F68" s="1">
        <v>90</v>
      </c>
      <c r="G68" s="1">
        <v>33.057851239669425</v>
      </c>
      <c r="H68" s="1">
        <v>16</v>
      </c>
      <c r="I68" s="1">
        <v>40</v>
      </c>
      <c r="J68" s="1">
        <v>320</v>
      </c>
      <c r="K68" s="4">
        <v>1.74768518518519E-3</v>
      </c>
      <c r="L68" s="1">
        <v>39</v>
      </c>
      <c r="M68" s="1">
        <v>1099</v>
      </c>
      <c r="N68" s="1">
        <v>21.292083712465878</v>
      </c>
      <c r="O68" s="1">
        <v>50</v>
      </c>
      <c r="P68" s="1">
        <v>50</v>
      </c>
      <c r="Q68" s="1">
        <v>42</v>
      </c>
      <c r="R68" s="1">
        <v>33</v>
      </c>
      <c r="S68" s="1">
        <v>33</v>
      </c>
      <c r="T68" s="1">
        <v>25</v>
      </c>
      <c r="U68" s="4">
        <v>1.49305555555556E-3</v>
      </c>
      <c r="V68" s="1">
        <v>9</v>
      </c>
      <c r="W68" s="1">
        <v>944</v>
      </c>
      <c r="X68" s="1">
        <v>5.7203389830508469</v>
      </c>
      <c r="Y68" s="1">
        <v>12</v>
      </c>
      <c r="Z68" s="1">
        <v>12</v>
      </c>
      <c r="AA68" s="1">
        <v>12</v>
      </c>
      <c r="AB68" s="1">
        <v>0</v>
      </c>
      <c r="AC68" s="1">
        <v>24</v>
      </c>
      <c r="AD68" s="1">
        <v>1021.5</v>
      </c>
      <c r="AE68" s="1">
        <v>14.096916299559469</v>
      </c>
    </row>
    <row r="69" spans="1:31" x14ac:dyDescent="0.3">
      <c r="A69" s="1">
        <v>68</v>
      </c>
      <c r="B69" s="1">
        <v>0</v>
      </c>
      <c r="C69" s="1">
        <v>56</v>
      </c>
      <c r="D69" s="2">
        <v>4</v>
      </c>
      <c r="E69" s="1">
        <v>157</v>
      </c>
      <c r="F69" s="1">
        <v>85</v>
      </c>
      <c r="G69" s="1">
        <v>34.484157572315304</v>
      </c>
      <c r="H69" s="1">
        <v>14</v>
      </c>
      <c r="I69" s="1">
        <v>36</v>
      </c>
      <c r="J69" s="1">
        <v>252</v>
      </c>
      <c r="K69" s="4">
        <v>1.86342592592593E-3</v>
      </c>
      <c r="L69" s="1">
        <v>29</v>
      </c>
      <c r="M69" s="1">
        <v>1228</v>
      </c>
      <c r="N69" s="1">
        <v>14.169381107491857</v>
      </c>
      <c r="O69" s="1">
        <v>42</v>
      </c>
      <c r="P69" s="1">
        <v>17</v>
      </c>
      <c r="Q69" s="1">
        <v>25</v>
      </c>
      <c r="R69" s="1">
        <v>33</v>
      </c>
      <c r="S69" s="1">
        <v>25</v>
      </c>
      <c r="T69" s="1">
        <v>33</v>
      </c>
      <c r="U69" s="4">
        <v>2.5925925925925899E-3</v>
      </c>
      <c r="V69" s="1">
        <v>45</v>
      </c>
      <c r="W69" s="1">
        <v>2465</v>
      </c>
      <c r="X69" s="1">
        <v>10.953346855983774</v>
      </c>
      <c r="Y69" s="1">
        <v>44</v>
      </c>
      <c r="Z69" s="1">
        <v>44</v>
      </c>
      <c r="AA69" s="1">
        <v>56</v>
      </c>
      <c r="AB69" s="1">
        <v>38</v>
      </c>
      <c r="AC69" s="1">
        <v>37</v>
      </c>
      <c r="AD69" s="1">
        <v>1846.5</v>
      </c>
      <c r="AE69" s="1">
        <v>12.022745735174654</v>
      </c>
    </row>
    <row r="70" spans="1:31" x14ac:dyDescent="0.3">
      <c r="A70" s="1">
        <v>69</v>
      </c>
      <c r="B70" s="1">
        <v>0</v>
      </c>
      <c r="C70" s="1">
        <v>57</v>
      </c>
      <c r="D70" s="2">
        <v>4</v>
      </c>
      <c r="E70" s="1">
        <v>165</v>
      </c>
      <c r="F70" s="1">
        <v>65</v>
      </c>
      <c r="G70" s="1">
        <v>23.875114784205696</v>
      </c>
      <c r="H70" s="1">
        <v>14</v>
      </c>
      <c r="I70" s="1">
        <v>35</v>
      </c>
      <c r="J70" s="1">
        <v>245</v>
      </c>
      <c r="K70" s="4">
        <v>2.1412037037036999E-3</v>
      </c>
      <c r="L70" s="1">
        <v>61</v>
      </c>
      <c r="M70" s="1">
        <v>1568</v>
      </c>
      <c r="N70" s="1">
        <v>23.341836734693878</v>
      </c>
      <c r="O70" s="1">
        <v>58</v>
      </c>
      <c r="P70" s="1">
        <v>75</v>
      </c>
      <c r="Q70" s="1">
        <v>33</v>
      </c>
      <c r="R70" s="1">
        <v>50</v>
      </c>
      <c r="S70" s="1">
        <v>58</v>
      </c>
      <c r="T70" s="1">
        <v>92</v>
      </c>
      <c r="U70" s="4">
        <v>2.5347222222222199E-3</v>
      </c>
      <c r="V70" s="1">
        <v>45</v>
      </c>
      <c r="W70" s="1">
        <v>2422</v>
      </c>
      <c r="X70" s="1">
        <v>11.147811725846408</v>
      </c>
      <c r="Y70" s="1">
        <v>38</v>
      </c>
      <c r="Z70" s="1">
        <v>38</v>
      </c>
      <c r="AA70" s="1">
        <v>44</v>
      </c>
      <c r="AB70" s="1">
        <v>62</v>
      </c>
      <c r="AC70" s="1">
        <v>53</v>
      </c>
      <c r="AD70" s="1">
        <v>1995</v>
      </c>
      <c r="AE70" s="1">
        <v>15.93984962406015</v>
      </c>
    </row>
    <row r="71" spans="1:31" x14ac:dyDescent="0.3">
      <c r="A71" s="1">
        <v>70</v>
      </c>
      <c r="B71" s="1">
        <v>0</v>
      </c>
      <c r="C71" s="1">
        <v>57</v>
      </c>
      <c r="D71" s="2">
        <v>4</v>
      </c>
      <c r="E71" s="1">
        <v>165</v>
      </c>
      <c r="F71" s="1">
        <v>110</v>
      </c>
      <c r="G71" s="1">
        <v>40.404040404040408</v>
      </c>
      <c r="H71" s="1">
        <v>14.5</v>
      </c>
      <c r="I71" s="1">
        <v>39.5</v>
      </c>
      <c r="J71" s="1">
        <v>286.375</v>
      </c>
      <c r="K71" s="4">
        <v>3.0324074074074099E-3</v>
      </c>
      <c r="L71" s="1">
        <v>42</v>
      </c>
      <c r="M71" s="1">
        <v>2561</v>
      </c>
      <c r="N71" s="1">
        <v>9.8399062866067926</v>
      </c>
      <c r="O71" s="1">
        <v>42</v>
      </c>
      <c r="P71" s="1">
        <v>42</v>
      </c>
      <c r="Q71" s="1">
        <v>50</v>
      </c>
      <c r="R71" s="1">
        <v>42</v>
      </c>
      <c r="S71" s="1">
        <v>50</v>
      </c>
      <c r="T71" s="1">
        <v>25</v>
      </c>
      <c r="U71" s="4">
        <v>2.6967592592592599E-3</v>
      </c>
      <c r="V71" s="1">
        <v>75</v>
      </c>
      <c r="W71" s="1">
        <v>2597</v>
      </c>
      <c r="X71" s="1">
        <v>17.32768579129765</v>
      </c>
      <c r="Y71" s="1">
        <v>75</v>
      </c>
      <c r="Z71" s="1">
        <v>88</v>
      </c>
      <c r="AA71" s="1">
        <v>62</v>
      </c>
      <c r="AB71" s="1">
        <v>75</v>
      </c>
      <c r="AC71" s="1">
        <v>58.5</v>
      </c>
      <c r="AD71" s="1">
        <v>2579</v>
      </c>
      <c r="AE71" s="1">
        <v>13.609926328034121</v>
      </c>
    </row>
    <row r="72" spans="1:31" x14ac:dyDescent="0.3">
      <c r="A72" s="1">
        <v>71</v>
      </c>
      <c r="B72" s="1">
        <v>1</v>
      </c>
      <c r="C72" s="1">
        <v>55</v>
      </c>
      <c r="D72" s="2">
        <v>4</v>
      </c>
      <c r="E72" s="1">
        <v>183</v>
      </c>
      <c r="F72" s="1">
        <v>117</v>
      </c>
      <c r="G72" s="1">
        <v>34.936844934157477</v>
      </c>
      <c r="H72" s="1">
        <v>14</v>
      </c>
      <c r="I72" s="1">
        <v>46</v>
      </c>
      <c r="J72" s="1">
        <v>322</v>
      </c>
      <c r="K72" s="4">
        <v>1.90972222222222E-3</v>
      </c>
      <c r="L72" s="1">
        <v>60</v>
      </c>
      <c r="M72" s="1">
        <v>1291</v>
      </c>
      <c r="N72" s="1">
        <v>27.885360185902403</v>
      </c>
      <c r="O72" s="1">
        <v>50</v>
      </c>
      <c r="P72" s="1">
        <v>58</v>
      </c>
      <c r="Q72" s="1">
        <v>50</v>
      </c>
      <c r="R72" s="1">
        <v>83</v>
      </c>
      <c r="S72" s="1">
        <v>50</v>
      </c>
      <c r="T72" s="1">
        <v>67</v>
      </c>
      <c r="U72" s="4">
        <v>2.3032407407407398E-3</v>
      </c>
      <c r="V72" s="1">
        <v>34</v>
      </c>
      <c r="W72" s="1">
        <v>2020</v>
      </c>
      <c r="X72" s="1">
        <v>10.099009900990099</v>
      </c>
      <c r="Y72" s="1">
        <v>44</v>
      </c>
      <c r="Z72" s="1">
        <v>31</v>
      </c>
      <c r="AA72" s="1">
        <v>25</v>
      </c>
      <c r="AB72" s="1">
        <v>38</v>
      </c>
      <c r="AC72" s="1">
        <v>47</v>
      </c>
      <c r="AD72" s="1">
        <v>1655.5</v>
      </c>
      <c r="AE72" s="1">
        <v>17.034128662035638</v>
      </c>
    </row>
    <row r="73" spans="1:31" x14ac:dyDescent="0.3">
      <c r="A73" s="1">
        <v>72</v>
      </c>
      <c r="B73" s="1">
        <v>1</v>
      </c>
      <c r="C73" s="1">
        <v>54</v>
      </c>
      <c r="D73" s="2">
        <v>4</v>
      </c>
      <c r="E73" s="1">
        <v>178</v>
      </c>
      <c r="F73" s="1">
        <v>90</v>
      </c>
      <c r="G73" s="1">
        <v>28.405504355510669</v>
      </c>
      <c r="H73" s="1">
        <v>14.5</v>
      </c>
      <c r="I73" s="1">
        <v>43.5</v>
      </c>
      <c r="J73" s="1">
        <v>315.375</v>
      </c>
      <c r="K73" s="4">
        <v>2.0023148148148101E-3</v>
      </c>
      <c r="L73" s="1">
        <v>74</v>
      </c>
      <c r="M73" s="1">
        <v>1402</v>
      </c>
      <c r="N73" s="1">
        <v>31.669044222539235</v>
      </c>
      <c r="O73" s="1">
        <v>67</v>
      </c>
      <c r="P73" s="1">
        <v>75</v>
      </c>
      <c r="Q73" s="1">
        <v>75</v>
      </c>
      <c r="R73" s="1">
        <v>83</v>
      </c>
      <c r="S73" s="1">
        <v>58</v>
      </c>
      <c r="T73" s="1">
        <v>83</v>
      </c>
      <c r="U73" s="4">
        <v>2.3148148148148099E-3</v>
      </c>
      <c r="V73" s="1">
        <v>64</v>
      </c>
      <c r="W73" s="1">
        <v>1981</v>
      </c>
      <c r="X73" s="1">
        <v>19.384149419485109</v>
      </c>
      <c r="Y73" s="1">
        <v>62</v>
      </c>
      <c r="Z73" s="1">
        <v>69</v>
      </c>
      <c r="AA73" s="1">
        <v>69</v>
      </c>
      <c r="AB73" s="1">
        <v>56</v>
      </c>
      <c r="AC73" s="1">
        <v>69</v>
      </c>
      <c r="AD73" s="1">
        <v>1691.5</v>
      </c>
      <c r="AE73" s="1">
        <v>24.475317765297074</v>
      </c>
    </row>
    <row r="74" spans="1:31" x14ac:dyDescent="0.3">
      <c r="A74" s="1">
        <v>73</v>
      </c>
      <c r="B74" s="1">
        <v>1</v>
      </c>
      <c r="C74" s="1">
        <v>56</v>
      </c>
      <c r="D74" s="2">
        <v>4</v>
      </c>
      <c r="E74" s="1">
        <v>180</v>
      </c>
      <c r="F74" s="1">
        <v>108</v>
      </c>
      <c r="G74" s="1">
        <v>33.333333333333329</v>
      </c>
      <c r="H74" s="1">
        <v>9.5</v>
      </c>
      <c r="I74" s="1">
        <v>43</v>
      </c>
      <c r="J74" s="1">
        <v>204.25</v>
      </c>
      <c r="K74" s="4">
        <v>2.4537037037037001E-3</v>
      </c>
      <c r="L74" s="1">
        <v>65</v>
      </c>
      <c r="M74" s="1">
        <v>1903</v>
      </c>
      <c r="N74" s="1">
        <v>20.493956910141879</v>
      </c>
      <c r="O74" s="1">
        <v>50</v>
      </c>
      <c r="P74" s="1">
        <v>67</v>
      </c>
      <c r="Q74" s="1">
        <v>67</v>
      </c>
      <c r="R74" s="1">
        <v>58</v>
      </c>
      <c r="S74" s="1">
        <v>75</v>
      </c>
      <c r="T74" s="1">
        <v>75</v>
      </c>
      <c r="U74" s="4">
        <v>2.4652777777777802E-3</v>
      </c>
      <c r="V74" s="1">
        <v>36</v>
      </c>
      <c r="W74" s="1">
        <v>2191</v>
      </c>
      <c r="X74" s="1">
        <v>9.8585120949338219</v>
      </c>
      <c r="Y74" s="1">
        <v>38</v>
      </c>
      <c r="Z74" s="1">
        <v>31</v>
      </c>
      <c r="AA74" s="1">
        <v>44</v>
      </c>
      <c r="AB74" s="1">
        <v>31</v>
      </c>
      <c r="AC74" s="1">
        <v>50.5</v>
      </c>
      <c r="AD74" s="1">
        <v>2047</v>
      </c>
      <c r="AE74" s="1">
        <v>14.802149487054223</v>
      </c>
    </row>
    <row r="75" spans="1:31" x14ac:dyDescent="0.3">
      <c r="A75" s="1">
        <v>74</v>
      </c>
      <c r="B75" s="1">
        <v>1</v>
      </c>
      <c r="C75" s="1">
        <v>55</v>
      </c>
      <c r="D75" s="2">
        <v>4</v>
      </c>
      <c r="E75" s="1">
        <v>178</v>
      </c>
      <c r="F75" s="1">
        <v>76</v>
      </c>
      <c r="G75" s="1">
        <v>23.98687034465345</v>
      </c>
      <c r="H75" s="1">
        <v>16</v>
      </c>
      <c r="I75" s="1">
        <v>38</v>
      </c>
      <c r="J75" s="1">
        <v>304</v>
      </c>
      <c r="K75" s="4">
        <v>1.7361111111111099E-3</v>
      </c>
      <c r="L75" s="1">
        <v>50</v>
      </c>
      <c r="M75" s="1">
        <v>1068</v>
      </c>
      <c r="N75" s="1">
        <v>28.089887640449437</v>
      </c>
      <c r="O75" s="1">
        <v>42</v>
      </c>
      <c r="P75" s="1">
        <v>25</v>
      </c>
      <c r="Q75" s="1">
        <v>58</v>
      </c>
      <c r="R75" s="1">
        <v>58</v>
      </c>
      <c r="S75" s="1">
        <v>50</v>
      </c>
      <c r="T75" s="1">
        <v>67</v>
      </c>
      <c r="U75" s="4">
        <v>2.38425925925926E-3</v>
      </c>
      <c r="V75" s="1">
        <v>61</v>
      </c>
      <c r="W75" s="1">
        <v>2185</v>
      </c>
      <c r="X75" s="1">
        <v>16.750572082379861</v>
      </c>
      <c r="Y75" s="1">
        <v>69</v>
      </c>
      <c r="Z75" s="1">
        <v>38</v>
      </c>
      <c r="AA75" s="1">
        <v>62</v>
      </c>
      <c r="AB75" s="1">
        <v>75</v>
      </c>
      <c r="AC75" s="1">
        <v>55.5</v>
      </c>
      <c r="AD75" s="1">
        <v>1626.5</v>
      </c>
      <c r="AE75" s="1">
        <v>20.473409160774668</v>
      </c>
    </row>
    <row r="76" spans="1:31" x14ac:dyDescent="0.3">
      <c r="A76" s="1">
        <v>75</v>
      </c>
      <c r="B76" s="1">
        <v>1</v>
      </c>
      <c r="C76" s="1">
        <v>51</v>
      </c>
      <c r="D76" s="2">
        <v>4</v>
      </c>
      <c r="E76" s="1">
        <v>195</v>
      </c>
      <c r="F76" s="1">
        <v>120</v>
      </c>
      <c r="G76" s="1">
        <v>31.558185404339252</v>
      </c>
      <c r="H76" s="1">
        <v>14.5</v>
      </c>
      <c r="I76" s="1">
        <v>45</v>
      </c>
      <c r="J76" s="1">
        <v>326.25</v>
      </c>
      <c r="K76" s="4">
        <v>1.8171296296296299E-3</v>
      </c>
      <c r="L76" s="1">
        <v>42</v>
      </c>
      <c r="M76" s="1">
        <v>1165</v>
      </c>
      <c r="N76" s="1">
        <v>21.630901287553648</v>
      </c>
      <c r="O76" s="1">
        <v>33</v>
      </c>
      <c r="P76" s="1">
        <v>42</v>
      </c>
      <c r="Q76" s="1">
        <v>42</v>
      </c>
      <c r="R76" s="1">
        <v>50</v>
      </c>
      <c r="S76" s="1">
        <v>50</v>
      </c>
      <c r="T76" s="1">
        <v>33</v>
      </c>
      <c r="U76" s="4">
        <v>2.2222222222222201E-3</v>
      </c>
      <c r="V76" s="1">
        <v>30</v>
      </c>
      <c r="W76" s="1">
        <v>1907</v>
      </c>
      <c r="X76" s="1">
        <v>9.4389092815941265</v>
      </c>
      <c r="Y76" s="1">
        <v>44</v>
      </c>
      <c r="Z76" s="1">
        <v>19</v>
      </c>
      <c r="AA76" s="1">
        <v>38</v>
      </c>
      <c r="AB76" s="1">
        <v>19</v>
      </c>
      <c r="AC76" s="1">
        <v>36</v>
      </c>
      <c r="AD76" s="1">
        <v>1536</v>
      </c>
      <c r="AE76" s="1">
        <v>14.0625</v>
      </c>
    </row>
    <row r="77" spans="1:31" x14ac:dyDescent="0.3">
      <c r="A77" s="1">
        <v>76</v>
      </c>
      <c r="B77" s="1">
        <v>1</v>
      </c>
      <c r="C77" s="1">
        <v>54</v>
      </c>
      <c r="D77" s="2">
        <v>4</v>
      </c>
      <c r="E77" s="1">
        <v>177</v>
      </c>
      <c r="F77" s="1">
        <v>82.5</v>
      </c>
      <c r="G77" s="1">
        <v>26.333429091257301</v>
      </c>
      <c r="H77" s="1">
        <v>12.5</v>
      </c>
      <c r="I77" s="1">
        <v>41.5</v>
      </c>
      <c r="J77" s="1">
        <v>259.375</v>
      </c>
      <c r="K77" s="4">
        <v>1.85185185185185E-3</v>
      </c>
      <c r="L77" s="1">
        <v>82</v>
      </c>
      <c r="M77" s="1">
        <v>1226</v>
      </c>
      <c r="N77" s="1">
        <v>40.130505709624792</v>
      </c>
      <c r="O77" s="1">
        <v>75</v>
      </c>
      <c r="P77" s="1">
        <v>83</v>
      </c>
      <c r="Q77" s="1">
        <v>83</v>
      </c>
      <c r="R77" s="1">
        <v>92</v>
      </c>
      <c r="S77" s="1">
        <v>75</v>
      </c>
      <c r="T77" s="1">
        <v>83</v>
      </c>
      <c r="U77" s="4">
        <v>2.3611111111111098E-3</v>
      </c>
      <c r="V77" s="1">
        <v>52</v>
      </c>
      <c r="W77" s="1">
        <v>2145</v>
      </c>
      <c r="X77" s="1">
        <v>14.545454545454547</v>
      </c>
      <c r="Y77" s="1">
        <v>50</v>
      </c>
      <c r="Z77" s="1">
        <v>44</v>
      </c>
      <c r="AA77" s="1">
        <v>69</v>
      </c>
      <c r="AB77" s="1">
        <v>44</v>
      </c>
      <c r="AC77" s="1">
        <v>67</v>
      </c>
      <c r="AD77" s="1">
        <v>1685.5</v>
      </c>
      <c r="AE77" s="1">
        <v>23.850489469000298</v>
      </c>
    </row>
    <row r="78" spans="1:31" x14ac:dyDescent="0.3">
      <c r="A78" s="1">
        <v>77</v>
      </c>
      <c r="B78" s="1">
        <v>1</v>
      </c>
      <c r="C78" s="1">
        <v>59</v>
      </c>
      <c r="D78" s="2">
        <v>4</v>
      </c>
      <c r="E78" s="1">
        <v>175</v>
      </c>
      <c r="F78" s="1">
        <v>78</v>
      </c>
      <c r="G78" s="1">
        <v>25.469387755102041</v>
      </c>
      <c r="H78" s="1">
        <v>15</v>
      </c>
      <c r="I78" s="1">
        <v>37.5</v>
      </c>
      <c r="J78" s="1">
        <v>281.25</v>
      </c>
      <c r="K78" s="4">
        <v>2.1296296296296302E-3</v>
      </c>
      <c r="L78" s="1">
        <v>47</v>
      </c>
      <c r="M78" s="1">
        <v>1550</v>
      </c>
      <c r="N78" s="1">
        <v>18.193548387096776</v>
      </c>
      <c r="O78" s="1">
        <v>42</v>
      </c>
      <c r="P78" s="1">
        <v>50</v>
      </c>
      <c r="Q78" s="1">
        <v>50</v>
      </c>
      <c r="R78" s="1">
        <v>42</v>
      </c>
      <c r="S78" s="1">
        <v>58</v>
      </c>
      <c r="T78" s="1">
        <v>42</v>
      </c>
      <c r="U78" s="4">
        <v>2.21064814814815E-3</v>
      </c>
      <c r="V78" s="1">
        <v>19</v>
      </c>
      <c r="W78" s="1">
        <v>1916</v>
      </c>
      <c r="X78" s="1">
        <v>5.9498956158663887</v>
      </c>
      <c r="Y78" s="1">
        <v>6</v>
      </c>
      <c r="Z78" s="1">
        <v>19</v>
      </c>
      <c r="AA78" s="1">
        <v>25</v>
      </c>
      <c r="AB78" s="1">
        <v>25</v>
      </c>
      <c r="AC78" s="1">
        <v>33</v>
      </c>
      <c r="AD78" s="1">
        <v>1733</v>
      </c>
      <c r="AE78" s="1">
        <v>11.42527409117138</v>
      </c>
    </row>
    <row r="79" spans="1:31" x14ac:dyDescent="0.3">
      <c r="A79" s="1">
        <v>78</v>
      </c>
      <c r="B79" s="1">
        <v>1</v>
      </c>
      <c r="C79" s="1">
        <v>54</v>
      </c>
      <c r="D79" s="2">
        <v>4</v>
      </c>
      <c r="E79" s="1">
        <v>187</v>
      </c>
      <c r="F79" s="1">
        <v>112</v>
      </c>
      <c r="G79" s="1">
        <v>32.028367983070716</v>
      </c>
      <c r="H79" s="1">
        <v>16</v>
      </c>
      <c r="I79" s="1">
        <v>44</v>
      </c>
      <c r="J79" s="1">
        <v>352</v>
      </c>
      <c r="K79" s="4">
        <v>2.3611111111111098E-3</v>
      </c>
      <c r="L79" s="1">
        <v>26</v>
      </c>
      <c r="M79" s="1">
        <v>1825</v>
      </c>
      <c r="N79" s="1">
        <v>8.5479452054794525</v>
      </c>
      <c r="O79" s="1">
        <v>8</v>
      </c>
      <c r="P79" s="1">
        <v>58</v>
      </c>
      <c r="Q79" s="1">
        <v>42</v>
      </c>
      <c r="R79" s="1">
        <v>33</v>
      </c>
      <c r="S79" s="1">
        <v>8</v>
      </c>
      <c r="T79" s="1">
        <v>8</v>
      </c>
      <c r="U79" s="4">
        <v>2.5462962962963E-3</v>
      </c>
      <c r="V79" s="1">
        <v>39</v>
      </c>
      <c r="W79" s="1">
        <v>2340</v>
      </c>
      <c r="X79" s="1">
        <v>10.000000000000002</v>
      </c>
      <c r="Y79" s="1">
        <v>50</v>
      </c>
      <c r="Z79" s="1">
        <v>44</v>
      </c>
      <c r="AA79" s="1">
        <v>38</v>
      </c>
      <c r="AB79" s="1">
        <v>25</v>
      </c>
      <c r="AC79" s="1">
        <v>32.5</v>
      </c>
      <c r="AD79" s="1">
        <v>2082.5</v>
      </c>
      <c r="AE79" s="1">
        <v>9.3637454981992789</v>
      </c>
    </row>
    <row r="80" spans="1:31" x14ac:dyDescent="0.3">
      <c r="A80" s="1">
        <v>79</v>
      </c>
      <c r="B80" s="1">
        <v>1</v>
      </c>
      <c r="C80" s="1">
        <v>57</v>
      </c>
      <c r="D80" s="2">
        <v>4</v>
      </c>
      <c r="E80" s="1">
        <v>172</v>
      </c>
      <c r="F80" s="1">
        <v>71</v>
      </c>
      <c r="G80" s="1">
        <v>23.999459167117362</v>
      </c>
      <c r="H80" s="1">
        <v>15</v>
      </c>
      <c r="I80" s="1">
        <v>39</v>
      </c>
      <c r="J80" s="1">
        <v>292.5</v>
      </c>
      <c r="K80" s="4">
        <v>2.4189814814814799E-3</v>
      </c>
      <c r="L80" s="1">
        <v>69</v>
      </c>
      <c r="M80" s="1">
        <v>1904</v>
      </c>
      <c r="N80" s="1">
        <v>21.743697478991599</v>
      </c>
      <c r="O80" s="1">
        <v>50</v>
      </c>
      <c r="P80" s="1">
        <v>83</v>
      </c>
      <c r="Q80" s="1">
        <v>75</v>
      </c>
      <c r="R80" s="1">
        <v>67</v>
      </c>
      <c r="S80" s="1">
        <v>83</v>
      </c>
      <c r="T80" s="1">
        <v>58</v>
      </c>
      <c r="U80" s="4">
        <v>2.82407407407407E-3</v>
      </c>
      <c r="V80" s="1">
        <v>58</v>
      </c>
      <c r="W80" s="1">
        <v>2587</v>
      </c>
      <c r="X80" s="1">
        <v>13.451874758407421</v>
      </c>
      <c r="Y80" s="1">
        <v>62</v>
      </c>
      <c r="Z80" s="1">
        <v>62</v>
      </c>
      <c r="AA80" s="1">
        <v>62</v>
      </c>
      <c r="AB80" s="1">
        <v>44</v>
      </c>
      <c r="AC80" s="1">
        <v>63.5</v>
      </c>
      <c r="AD80" s="1">
        <v>2245.5</v>
      </c>
      <c r="AE80" s="1">
        <v>16.967267869071478</v>
      </c>
    </row>
    <row r="81" spans="1:31" x14ac:dyDescent="0.3">
      <c r="A81" s="1">
        <v>80</v>
      </c>
      <c r="B81" s="1">
        <v>1</v>
      </c>
      <c r="C81" s="1">
        <v>53</v>
      </c>
      <c r="D81" s="2">
        <v>4</v>
      </c>
      <c r="E81" s="1">
        <v>190</v>
      </c>
      <c r="F81" s="1">
        <v>102</v>
      </c>
      <c r="G81" s="1">
        <v>28.254847645429365</v>
      </c>
      <c r="H81" s="1">
        <v>15.5</v>
      </c>
      <c r="I81" s="1">
        <v>44</v>
      </c>
      <c r="J81" s="1">
        <v>341</v>
      </c>
      <c r="K81" s="4">
        <v>1.88657407407407E-3</v>
      </c>
      <c r="L81" s="1">
        <v>56</v>
      </c>
      <c r="M81" s="1">
        <v>1255</v>
      </c>
      <c r="N81" s="1">
        <v>26.772908366533869</v>
      </c>
      <c r="O81" s="1">
        <v>50</v>
      </c>
      <c r="P81" s="1">
        <v>42</v>
      </c>
      <c r="Q81" s="1">
        <v>58</v>
      </c>
      <c r="R81" s="1">
        <v>58</v>
      </c>
      <c r="S81" s="1">
        <v>50</v>
      </c>
      <c r="T81" s="1">
        <v>75</v>
      </c>
      <c r="U81" s="4">
        <v>2.5694444444444402E-3</v>
      </c>
      <c r="V81" s="1">
        <v>55</v>
      </c>
      <c r="W81" s="1">
        <v>2432</v>
      </c>
      <c r="X81" s="1">
        <v>13.569078947368421</v>
      </c>
      <c r="Y81" s="1">
        <v>56</v>
      </c>
      <c r="Z81" s="1">
        <v>69</v>
      </c>
      <c r="AA81" s="1">
        <v>62</v>
      </c>
      <c r="AB81" s="1">
        <v>31</v>
      </c>
      <c r="AC81" s="1">
        <v>55.5</v>
      </c>
      <c r="AD81" s="1">
        <v>1843.5</v>
      </c>
      <c r="AE81" s="1">
        <v>18.063466232709523</v>
      </c>
    </row>
    <row r="82" spans="1:31" x14ac:dyDescent="0.3">
      <c r="A82" s="1">
        <v>81</v>
      </c>
      <c r="B82" s="1">
        <v>0</v>
      </c>
      <c r="C82" s="1">
        <v>61</v>
      </c>
      <c r="D82" s="2">
        <v>5</v>
      </c>
      <c r="E82" s="1">
        <v>161</v>
      </c>
      <c r="F82" s="1">
        <v>73</v>
      </c>
      <c r="G82" s="1">
        <v>28.162493730951734</v>
      </c>
      <c r="H82" s="1">
        <v>13.5</v>
      </c>
      <c r="I82" s="1">
        <v>34</v>
      </c>
      <c r="J82" s="1">
        <v>229.5</v>
      </c>
      <c r="K82" s="4">
        <v>1.9791666666666699E-3</v>
      </c>
      <c r="L82" s="1">
        <v>53</v>
      </c>
      <c r="M82" s="1">
        <v>1374</v>
      </c>
      <c r="N82" s="1">
        <v>23.144104803493445</v>
      </c>
      <c r="O82" s="1">
        <v>50</v>
      </c>
      <c r="P82" s="1">
        <v>58</v>
      </c>
      <c r="Q82" s="1">
        <v>42</v>
      </c>
      <c r="R82" s="1">
        <v>58</v>
      </c>
      <c r="S82" s="1">
        <v>42</v>
      </c>
      <c r="T82" s="1">
        <v>67</v>
      </c>
      <c r="U82" s="4">
        <v>2.2222222222222201E-3</v>
      </c>
      <c r="V82" s="1">
        <v>28</v>
      </c>
      <c r="W82" s="1">
        <v>1969</v>
      </c>
      <c r="X82" s="1">
        <v>8.5322498730319971</v>
      </c>
      <c r="Y82" s="1">
        <v>25</v>
      </c>
      <c r="Z82" s="1">
        <v>25</v>
      </c>
      <c r="AA82" s="1">
        <v>25</v>
      </c>
      <c r="AB82" s="1">
        <v>38</v>
      </c>
      <c r="AC82" s="1">
        <v>40.5</v>
      </c>
      <c r="AD82" s="1">
        <v>1671.5</v>
      </c>
      <c r="AE82" s="1">
        <v>14.537840263236614</v>
      </c>
    </row>
    <row r="83" spans="1:31" x14ac:dyDescent="0.3">
      <c r="A83" s="1">
        <v>82</v>
      </c>
      <c r="B83" s="1">
        <v>0</v>
      </c>
      <c r="C83" s="1">
        <v>65</v>
      </c>
      <c r="D83" s="2">
        <v>5</v>
      </c>
      <c r="E83" s="1">
        <v>167</v>
      </c>
      <c r="F83" s="1">
        <v>80</v>
      </c>
      <c r="G83" s="1">
        <v>28.685144680698485</v>
      </c>
      <c r="H83" s="1">
        <v>15.5</v>
      </c>
      <c r="I83" s="1">
        <v>37</v>
      </c>
      <c r="J83" s="1">
        <v>286.75</v>
      </c>
      <c r="K83" s="4">
        <v>1.8749999999999999E-3</v>
      </c>
      <c r="L83" s="1">
        <v>50</v>
      </c>
      <c r="M83" s="1">
        <v>1248</v>
      </c>
      <c r="N83" s="1">
        <v>24.038461538461537</v>
      </c>
      <c r="O83" s="1">
        <v>50</v>
      </c>
      <c r="P83" s="1">
        <v>58</v>
      </c>
      <c r="Q83" s="1">
        <v>58</v>
      </c>
      <c r="R83" s="1">
        <v>42</v>
      </c>
      <c r="S83" s="1">
        <v>42</v>
      </c>
      <c r="T83" s="1">
        <v>50</v>
      </c>
      <c r="U83" s="4">
        <v>2.26851851851852E-3</v>
      </c>
      <c r="V83" s="1">
        <v>34</v>
      </c>
      <c r="W83" s="1">
        <v>1908</v>
      </c>
      <c r="X83" s="1">
        <v>10.691823899371069</v>
      </c>
      <c r="Y83" s="1">
        <v>50</v>
      </c>
      <c r="Z83" s="1">
        <v>31</v>
      </c>
      <c r="AA83" s="1">
        <v>25</v>
      </c>
      <c r="AB83" s="1">
        <v>31</v>
      </c>
      <c r="AC83" s="1">
        <v>42</v>
      </c>
      <c r="AD83" s="1">
        <v>1578</v>
      </c>
      <c r="AE83" s="1">
        <v>15.96958174904943</v>
      </c>
    </row>
    <row r="84" spans="1:31" x14ac:dyDescent="0.3">
      <c r="A84" s="1">
        <v>83</v>
      </c>
      <c r="B84" s="1">
        <v>0</v>
      </c>
      <c r="C84" s="1">
        <v>69</v>
      </c>
      <c r="D84" s="2">
        <v>5</v>
      </c>
      <c r="E84" s="1">
        <v>165</v>
      </c>
      <c r="F84" s="1">
        <v>63</v>
      </c>
      <c r="G84" s="1">
        <v>23.140495867768596</v>
      </c>
      <c r="H84" s="1">
        <v>10</v>
      </c>
      <c r="I84" s="1">
        <v>36.5</v>
      </c>
      <c r="J84" s="1">
        <v>182.5</v>
      </c>
      <c r="K84" s="4">
        <v>2.1990740740740699E-3</v>
      </c>
      <c r="L84" s="1">
        <v>24</v>
      </c>
      <c r="M84" s="1">
        <v>1642</v>
      </c>
      <c r="N84" s="1">
        <v>8.7697929354445794</v>
      </c>
      <c r="O84" s="1">
        <v>17</v>
      </c>
      <c r="P84" s="1">
        <v>17</v>
      </c>
      <c r="Q84" s="1">
        <v>33</v>
      </c>
      <c r="R84" s="1">
        <v>42</v>
      </c>
      <c r="S84" s="1">
        <v>25</v>
      </c>
      <c r="T84" s="1">
        <v>8</v>
      </c>
      <c r="U84" s="4">
        <v>2.3611111111111098E-3</v>
      </c>
      <c r="V84" s="1">
        <v>28</v>
      </c>
      <c r="W84" s="1">
        <v>2089</v>
      </c>
      <c r="X84" s="1">
        <v>8.0421254188606994</v>
      </c>
      <c r="Y84" s="1">
        <v>31</v>
      </c>
      <c r="Z84" s="1">
        <v>31</v>
      </c>
      <c r="AA84" s="1">
        <v>25</v>
      </c>
      <c r="AB84" s="1">
        <v>25</v>
      </c>
      <c r="AC84" s="1">
        <v>26</v>
      </c>
      <c r="AD84" s="1">
        <v>1865.5</v>
      </c>
      <c r="AE84" s="1">
        <v>8.3623693379790947</v>
      </c>
    </row>
    <row r="85" spans="1:31" x14ac:dyDescent="0.3">
      <c r="A85" s="1">
        <v>84</v>
      </c>
      <c r="B85" s="1">
        <v>0</v>
      </c>
      <c r="C85" s="1">
        <v>65</v>
      </c>
      <c r="D85" s="2">
        <v>5</v>
      </c>
      <c r="E85" s="1">
        <v>166</v>
      </c>
      <c r="F85" s="1">
        <v>57</v>
      </c>
      <c r="G85" s="1">
        <v>20.685150239512268</v>
      </c>
      <c r="H85" s="1">
        <v>14</v>
      </c>
      <c r="I85" s="1">
        <v>33.5</v>
      </c>
      <c r="J85" s="1">
        <v>234.5</v>
      </c>
      <c r="K85" s="4">
        <v>2.3148148148148099E-3</v>
      </c>
      <c r="L85" s="1">
        <v>64</v>
      </c>
      <c r="M85" s="1">
        <v>1769</v>
      </c>
      <c r="N85" s="1">
        <v>21.707179197286603</v>
      </c>
      <c r="O85" s="1">
        <v>42</v>
      </c>
      <c r="P85" s="1">
        <v>58</v>
      </c>
      <c r="Q85" s="1">
        <v>83</v>
      </c>
      <c r="R85" s="1">
        <v>50</v>
      </c>
      <c r="S85" s="1">
        <v>75</v>
      </c>
      <c r="T85" s="1">
        <v>75</v>
      </c>
      <c r="U85" s="4">
        <v>2.8587962962962998E-3</v>
      </c>
      <c r="V85" s="1">
        <v>48</v>
      </c>
      <c r="W85" s="1">
        <v>2823</v>
      </c>
      <c r="X85" s="1">
        <v>10.201912858660997</v>
      </c>
      <c r="Y85" s="1">
        <v>56</v>
      </c>
      <c r="Z85" s="1">
        <v>50</v>
      </c>
      <c r="AA85" s="1">
        <v>44</v>
      </c>
      <c r="AB85" s="1">
        <v>44</v>
      </c>
      <c r="AC85" s="1">
        <v>56</v>
      </c>
      <c r="AD85" s="1">
        <v>2296</v>
      </c>
      <c r="AE85" s="1">
        <v>14.634146341463413</v>
      </c>
    </row>
    <row r="86" spans="1:31" x14ac:dyDescent="0.3">
      <c r="A86" s="1">
        <v>85</v>
      </c>
      <c r="B86" s="1">
        <v>0</v>
      </c>
      <c r="C86" s="1">
        <v>61</v>
      </c>
      <c r="D86" s="2">
        <v>5</v>
      </c>
      <c r="E86" s="1">
        <v>163</v>
      </c>
      <c r="F86" s="1">
        <v>78</v>
      </c>
      <c r="G86" s="1">
        <v>29.357521924046825</v>
      </c>
      <c r="H86" s="1">
        <v>13</v>
      </c>
      <c r="I86" s="1">
        <v>34</v>
      </c>
      <c r="J86" s="1">
        <v>221</v>
      </c>
      <c r="K86" s="4">
        <v>2.4768518518518499E-3</v>
      </c>
      <c r="L86" s="1">
        <v>68</v>
      </c>
      <c r="M86" s="1">
        <v>1974</v>
      </c>
      <c r="N86" s="1">
        <v>20.668693009118538</v>
      </c>
      <c r="O86" s="1">
        <v>67</v>
      </c>
      <c r="P86" s="1">
        <v>58</v>
      </c>
      <c r="Q86" s="1">
        <v>75</v>
      </c>
      <c r="R86" s="1">
        <v>75</v>
      </c>
      <c r="S86" s="1">
        <v>67</v>
      </c>
      <c r="T86" s="1">
        <v>67</v>
      </c>
      <c r="U86" s="4">
        <v>2.7546296296296299E-3</v>
      </c>
      <c r="V86" s="1">
        <v>38</v>
      </c>
      <c r="W86" s="1">
        <v>2598</v>
      </c>
      <c r="X86" s="1">
        <v>8.7759815242494241</v>
      </c>
      <c r="Y86" s="1">
        <v>50</v>
      </c>
      <c r="Z86" s="1">
        <v>38</v>
      </c>
      <c r="AA86" s="1">
        <v>38</v>
      </c>
      <c r="AB86" s="1">
        <v>25</v>
      </c>
      <c r="AC86" s="1">
        <v>53</v>
      </c>
      <c r="AD86" s="1">
        <v>2286</v>
      </c>
      <c r="AE86" s="1">
        <v>13.910761154855644</v>
      </c>
    </row>
    <row r="87" spans="1:31" x14ac:dyDescent="0.3">
      <c r="A87" s="1">
        <v>86</v>
      </c>
      <c r="B87" s="1">
        <v>0</v>
      </c>
      <c r="C87" s="1">
        <v>61</v>
      </c>
      <c r="D87" s="2">
        <v>5</v>
      </c>
      <c r="E87" s="1">
        <v>172</v>
      </c>
      <c r="F87" s="1">
        <v>76</v>
      </c>
      <c r="G87" s="1">
        <v>25.689561925365066</v>
      </c>
      <c r="H87" s="1">
        <v>13</v>
      </c>
      <c r="I87" s="1">
        <v>36</v>
      </c>
      <c r="J87" s="1">
        <v>234</v>
      </c>
      <c r="K87" s="4">
        <v>2.6273148148148102E-3</v>
      </c>
      <c r="L87" s="1">
        <v>67</v>
      </c>
      <c r="M87" s="1">
        <v>2155</v>
      </c>
      <c r="N87" s="1">
        <v>18.654292343387471</v>
      </c>
      <c r="O87" s="1">
        <v>67</v>
      </c>
      <c r="P87" s="1">
        <v>75</v>
      </c>
      <c r="Q87" s="1">
        <v>75</v>
      </c>
      <c r="R87" s="1">
        <v>75</v>
      </c>
      <c r="S87" s="1">
        <v>58</v>
      </c>
      <c r="T87" s="1">
        <v>50</v>
      </c>
      <c r="U87" s="4">
        <v>2.8009259259259298E-3</v>
      </c>
      <c r="V87" s="1">
        <v>58</v>
      </c>
      <c r="W87" s="1">
        <v>2700</v>
      </c>
      <c r="X87" s="1">
        <v>12.888888888888889</v>
      </c>
      <c r="Y87" s="1">
        <v>50</v>
      </c>
      <c r="Z87" s="1">
        <v>50</v>
      </c>
      <c r="AA87" s="1">
        <v>62</v>
      </c>
      <c r="AB87" s="1">
        <v>69</v>
      </c>
      <c r="AC87" s="1">
        <v>62.5</v>
      </c>
      <c r="AD87" s="1">
        <v>2427.5</v>
      </c>
      <c r="AE87" s="1">
        <v>15.447991761071062</v>
      </c>
    </row>
    <row r="88" spans="1:31" x14ac:dyDescent="0.3">
      <c r="A88" s="1">
        <v>87</v>
      </c>
      <c r="B88" s="1">
        <v>0</v>
      </c>
      <c r="C88" s="1">
        <v>61</v>
      </c>
      <c r="D88" s="2">
        <v>5</v>
      </c>
      <c r="E88" s="1">
        <v>174</v>
      </c>
      <c r="F88" s="1">
        <v>61</v>
      </c>
      <c r="G88" s="1">
        <v>20.147971991015986</v>
      </c>
      <c r="H88" s="1">
        <v>14</v>
      </c>
      <c r="I88" s="1">
        <v>34.5</v>
      </c>
      <c r="J88" s="1">
        <v>241.5</v>
      </c>
      <c r="K88" s="4">
        <v>2.66203703703704E-3</v>
      </c>
      <c r="L88" s="1">
        <v>54</v>
      </c>
      <c r="M88" s="1">
        <v>2194</v>
      </c>
      <c r="N88" s="1">
        <v>14.767547857793984</v>
      </c>
      <c r="O88" s="1">
        <v>67</v>
      </c>
      <c r="P88" s="1">
        <v>42</v>
      </c>
      <c r="Q88" s="1">
        <v>58</v>
      </c>
      <c r="R88" s="1">
        <v>58</v>
      </c>
      <c r="S88" s="1">
        <v>42</v>
      </c>
      <c r="T88" s="1">
        <v>58</v>
      </c>
      <c r="U88" s="4">
        <v>3.2986111111111098E-3</v>
      </c>
      <c r="V88" s="1">
        <v>48</v>
      </c>
      <c r="W88" s="1">
        <v>3127</v>
      </c>
      <c r="X88" s="1">
        <v>9.2101055324592256</v>
      </c>
      <c r="Y88" s="1">
        <v>38</v>
      </c>
      <c r="Z88" s="1">
        <v>56</v>
      </c>
      <c r="AA88" s="1">
        <v>50</v>
      </c>
      <c r="AB88" s="1">
        <v>50</v>
      </c>
      <c r="AC88" s="1">
        <v>51</v>
      </c>
      <c r="AD88" s="1">
        <v>2660.5</v>
      </c>
      <c r="AE88" s="1">
        <v>11.501597444089459</v>
      </c>
    </row>
    <row r="89" spans="1:31" x14ac:dyDescent="0.3">
      <c r="A89" s="1">
        <v>88</v>
      </c>
      <c r="B89" s="1">
        <v>0</v>
      </c>
      <c r="C89" s="1">
        <v>65</v>
      </c>
      <c r="D89" s="2">
        <v>5</v>
      </c>
      <c r="E89" s="1">
        <v>160</v>
      </c>
      <c r="F89" s="1">
        <v>54</v>
      </c>
      <c r="G89" s="1">
        <v>21.093749999999996</v>
      </c>
      <c r="H89" s="1">
        <v>10.5</v>
      </c>
      <c r="I89" s="1">
        <v>33</v>
      </c>
      <c r="J89" s="1">
        <v>173.25</v>
      </c>
      <c r="K89" s="4">
        <v>2.88194444444444E-3</v>
      </c>
      <c r="L89" s="1">
        <v>49</v>
      </c>
      <c r="M89" s="1">
        <v>2459</v>
      </c>
      <c r="N89" s="1">
        <v>11.956079707198047</v>
      </c>
      <c r="O89" s="1">
        <v>42</v>
      </c>
      <c r="P89" s="1">
        <v>50</v>
      </c>
      <c r="Q89" s="1">
        <v>58</v>
      </c>
      <c r="R89" s="1">
        <v>42</v>
      </c>
      <c r="S89" s="1">
        <v>67</v>
      </c>
      <c r="T89" s="1">
        <v>33</v>
      </c>
      <c r="U89" s="4">
        <v>2.60416666666667E-3</v>
      </c>
      <c r="V89" s="1">
        <v>27</v>
      </c>
      <c r="W89" s="1">
        <v>2479</v>
      </c>
      <c r="X89" s="1">
        <v>6.5348931020572811</v>
      </c>
      <c r="Y89" s="1">
        <v>38</v>
      </c>
      <c r="Z89" s="1">
        <v>25</v>
      </c>
      <c r="AA89" s="1">
        <v>38</v>
      </c>
      <c r="AB89" s="1">
        <v>6</v>
      </c>
      <c r="AC89" s="1">
        <v>38</v>
      </c>
      <c r="AD89" s="1">
        <v>2469</v>
      </c>
      <c r="AE89" s="1">
        <v>9.2345078979343871</v>
      </c>
    </row>
    <row r="90" spans="1:31" x14ac:dyDescent="0.3">
      <c r="A90" s="1">
        <v>89</v>
      </c>
      <c r="B90" s="1">
        <v>0</v>
      </c>
      <c r="C90" s="1">
        <v>70</v>
      </c>
      <c r="D90" s="2">
        <v>5</v>
      </c>
      <c r="E90" s="1">
        <v>165</v>
      </c>
      <c r="F90" s="1">
        <v>64</v>
      </c>
      <c r="G90" s="1">
        <v>23.507805325987146</v>
      </c>
      <c r="H90" s="1">
        <v>10</v>
      </c>
      <c r="I90" s="1">
        <v>35</v>
      </c>
      <c r="J90" s="1">
        <v>175</v>
      </c>
      <c r="K90" s="4">
        <v>2.3611111111111098E-3</v>
      </c>
      <c r="L90" s="1">
        <v>50</v>
      </c>
      <c r="M90" s="1">
        <v>1832</v>
      </c>
      <c r="N90" s="1">
        <v>16.375545851528383</v>
      </c>
      <c r="O90" s="1">
        <v>67</v>
      </c>
      <c r="P90" s="1">
        <v>50</v>
      </c>
      <c r="Q90" s="1">
        <v>58</v>
      </c>
      <c r="R90" s="1">
        <v>33</v>
      </c>
      <c r="S90" s="1">
        <v>42</v>
      </c>
      <c r="T90" s="1">
        <v>50</v>
      </c>
      <c r="U90" s="4">
        <v>2.4652777777777802E-3</v>
      </c>
      <c r="V90" s="1">
        <v>23</v>
      </c>
      <c r="W90" s="1">
        <v>2217</v>
      </c>
      <c r="X90" s="1">
        <v>6.2246278755074416</v>
      </c>
      <c r="Y90" s="1">
        <v>12</v>
      </c>
      <c r="Z90" s="1">
        <v>31</v>
      </c>
      <c r="AA90" s="1">
        <v>25</v>
      </c>
      <c r="AB90" s="1">
        <v>25</v>
      </c>
      <c r="AC90" s="1">
        <v>36.5</v>
      </c>
      <c r="AD90" s="1">
        <v>2024.5</v>
      </c>
      <c r="AE90" s="1">
        <v>10.817485798962705</v>
      </c>
    </row>
    <row r="91" spans="1:31" x14ac:dyDescent="0.3">
      <c r="A91" s="1">
        <v>90</v>
      </c>
      <c r="B91" s="1">
        <v>0</v>
      </c>
      <c r="C91" s="1">
        <v>61</v>
      </c>
      <c r="D91" s="2">
        <v>5</v>
      </c>
      <c r="E91" s="1">
        <v>155</v>
      </c>
      <c r="F91" s="1">
        <v>65</v>
      </c>
      <c r="G91" s="1">
        <v>27.055150884495315</v>
      </c>
      <c r="H91" s="1">
        <v>11.5</v>
      </c>
      <c r="I91" s="1">
        <v>34.5</v>
      </c>
      <c r="J91" s="1">
        <v>198.375</v>
      </c>
      <c r="K91" s="4">
        <v>1.7592592592592601E-3</v>
      </c>
      <c r="L91" s="1">
        <v>46</v>
      </c>
      <c r="M91" s="1">
        <v>1109</v>
      </c>
      <c r="N91" s="1">
        <v>24.887285843101896</v>
      </c>
      <c r="O91" s="1">
        <v>67</v>
      </c>
      <c r="P91" s="1">
        <v>25</v>
      </c>
      <c r="Q91" s="1">
        <v>33</v>
      </c>
      <c r="R91" s="1">
        <v>42</v>
      </c>
      <c r="S91" s="1">
        <v>58</v>
      </c>
      <c r="T91" s="1">
        <v>50</v>
      </c>
      <c r="U91" s="4">
        <v>2.3726851851851899E-3</v>
      </c>
      <c r="V91" s="1">
        <v>17</v>
      </c>
      <c r="W91" s="1">
        <v>2116</v>
      </c>
      <c r="X91" s="1">
        <v>4.8204158790170126</v>
      </c>
      <c r="Y91" s="1">
        <v>0</v>
      </c>
      <c r="Z91" s="1">
        <v>12</v>
      </c>
      <c r="AA91" s="1">
        <v>12</v>
      </c>
      <c r="AB91" s="1">
        <v>44</v>
      </c>
      <c r="AC91" s="1">
        <v>31.5</v>
      </c>
      <c r="AD91" s="1">
        <v>1612.5</v>
      </c>
      <c r="AE91" s="1">
        <v>11.720930232558139</v>
      </c>
    </row>
    <row r="92" spans="1:31" x14ac:dyDescent="0.3">
      <c r="A92" s="1">
        <v>91</v>
      </c>
      <c r="B92" s="1">
        <v>1</v>
      </c>
      <c r="C92" s="1">
        <v>62</v>
      </c>
      <c r="D92" s="2">
        <v>5</v>
      </c>
      <c r="E92" s="1">
        <v>170</v>
      </c>
      <c r="F92" s="1">
        <v>70</v>
      </c>
      <c r="G92" s="1">
        <v>24.221453287197235</v>
      </c>
      <c r="H92" s="1">
        <v>12.5</v>
      </c>
      <c r="I92" s="1">
        <v>37.5</v>
      </c>
      <c r="J92" s="1">
        <v>234.375</v>
      </c>
      <c r="K92" s="4">
        <v>2.5347222222222199E-3</v>
      </c>
      <c r="L92" s="1">
        <v>58</v>
      </c>
      <c r="M92" s="1">
        <v>2043</v>
      </c>
      <c r="N92" s="1">
        <v>17.033773861967692</v>
      </c>
      <c r="O92" s="1">
        <v>50</v>
      </c>
      <c r="P92" s="1">
        <v>50</v>
      </c>
      <c r="Q92" s="1">
        <v>67</v>
      </c>
      <c r="R92" s="1">
        <v>58</v>
      </c>
      <c r="S92" s="1">
        <v>58</v>
      </c>
      <c r="T92" s="1">
        <v>67</v>
      </c>
      <c r="U92" s="4">
        <v>2.9282407407407399E-3</v>
      </c>
      <c r="V92" s="1">
        <v>48</v>
      </c>
      <c r="W92" s="1">
        <v>2796</v>
      </c>
      <c r="X92" s="1">
        <v>10.300429184549358</v>
      </c>
      <c r="Y92" s="1">
        <v>31</v>
      </c>
      <c r="Z92" s="1">
        <v>44</v>
      </c>
      <c r="AA92" s="1">
        <v>62</v>
      </c>
      <c r="AB92" s="1">
        <v>56</v>
      </c>
      <c r="AC92" s="1">
        <v>53</v>
      </c>
      <c r="AD92" s="1">
        <v>2419.5</v>
      </c>
      <c r="AE92" s="1">
        <v>13.14321140731556</v>
      </c>
    </row>
    <row r="93" spans="1:31" x14ac:dyDescent="0.3">
      <c r="A93" s="1">
        <v>92</v>
      </c>
      <c r="B93" s="1">
        <v>1</v>
      </c>
      <c r="C93" s="1">
        <v>69</v>
      </c>
      <c r="D93" s="2">
        <v>5</v>
      </c>
      <c r="E93" s="1">
        <v>173</v>
      </c>
      <c r="F93" s="1">
        <v>75</v>
      </c>
      <c r="G93" s="1">
        <v>25.059307026629689</v>
      </c>
      <c r="H93" s="1">
        <v>13</v>
      </c>
      <c r="I93" s="1">
        <v>42</v>
      </c>
      <c r="J93" s="1">
        <v>273</v>
      </c>
      <c r="K93" s="4">
        <v>2.1875000000000002E-3</v>
      </c>
      <c r="L93" s="1">
        <v>50</v>
      </c>
      <c r="M93" s="1">
        <v>1624</v>
      </c>
      <c r="N93" s="1">
        <v>18.472906403940886</v>
      </c>
      <c r="O93" s="1">
        <v>25</v>
      </c>
      <c r="P93" s="1">
        <v>50</v>
      </c>
      <c r="Q93" s="1">
        <v>33</v>
      </c>
      <c r="R93" s="1">
        <v>58</v>
      </c>
      <c r="S93" s="1">
        <v>83</v>
      </c>
      <c r="T93" s="1">
        <v>50</v>
      </c>
      <c r="U93" s="4">
        <v>2.6273148148148102E-3</v>
      </c>
      <c r="V93" s="1">
        <v>25</v>
      </c>
      <c r="W93" s="1">
        <v>2477</v>
      </c>
      <c r="X93" s="1">
        <v>6.0557125555106994</v>
      </c>
      <c r="Y93" s="1">
        <v>19</v>
      </c>
      <c r="Z93" s="1">
        <v>44</v>
      </c>
      <c r="AA93" s="1">
        <v>25</v>
      </c>
      <c r="AB93" s="1">
        <v>12</v>
      </c>
      <c r="AC93" s="1">
        <v>37.5</v>
      </c>
      <c r="AD93" s="1">
        <v>2050.5</v>
      </c>
      <c r="AE93" s="1">
        <v>10.972933430870519</v>
      </c>
    </row>
    <row r="94" spans="1:31" x14ac:dyDescent="0.3">
      <c r="A94" s="1">
        <v>93</v>
      </c>
      <c r="B94" s="1">
        <v>1</v>
      </c>
      <c r="C94" s="1">
        <v>63</v>
      </c>
      <c r="D94" s="2">
        <v>5</v>
      </c>
      <c r="E94" s="1">
        <v>174</v>
      </c>
      <c r="F94" s="1">
        <v>73</v>
      </c>
      <c r="G94" s="1">
        <v>24.111507464658473</v>
      </c>
      <c r="H94" s="1">
        <v>14</v>
      </c>
      <c r="I94" s="1">
        <v>40</v>
      </c>
      <c r="J94" s="1">
        <v>280</v>
      </c>
      <c r="K94" s="4">
        <v>2.21064814814815E-3</v>
      </c>
      <c r="L94" s="1">
        <v>64</v>
      </c>
      <c r="M94" s="1">
        <v>1592</v>
      </c>
      <c r="N94" s="1">
        <v>24.120603015075375</v>
      </c>
      <c r="O94" s="1">
        <v>75</v>
      </c>
      <c r="P94" s="1">
        <v>75</v>
      </c>
      <c r="Q94" s="1">
        <v>58</v>
      </c>
      <c r="R94" s="1">
        <v>58</v>
      </c>
      <c r="S94" s="1">
        <v>58</v>
      </c>
      <c r="T94" s="1">
        <v>58</v>
      </c>
      <c r="U94" s="4">
        <v>2.16435185185185E-3</v>
      </c>
      <c r="V94" s="1">
        <v>17</v>
      </c>
      <c r="W94" s="1">
        <v>1782</v>
      </c>
      <c r="X94" s="1">
        <v>5.7239057239057249</v>
      </c>
      <c r="Y94" s="1">
        <v>25</v>
      </c>
      <c r="Z94" s="1">
        <v>25</v>
      </c>
      <c r="AA94" s="1">
        <v>6</v>
      </c>
      <c r="AB94" s="1">
        <v>12</v>
      </c>
      <c r="AC94" s="1">
        <v>40.5</v>
      </c>
      <c r="AD94" s="1">
        <v>1687</v>
      </c>
      <c r="AE94" s="1">
        <v>14.404267931238886</v>
      </c>
    </row>
    <row r="95" spans="1:31" x14ac:dyDescent="0.3">
      <c r="A95" s="1">
        <v>94</v>
      </c>
      <c r="B95" s="1">
        <v>1</v>
      </c>
      <c r="C95" s="1">
        <v>70</v>
      </c>
      <c r="D95" s="2">
        <v>5</v>
      </c>
      <c r="E95" s="1">
        <v>168</v>
      </c>
      <c r="F95" s="1">
        <v>65</v>
      </c>
      <c r="G95" s="1">
        <v>23.030045351473927</v>
      </c>
      <c r="H95" s="1">
        <v>9.5</v>
      </c>
      <c r="I95" s="1">
        <v>37.5</v>
      </c>
      <c r="J95" s="1">
        <v>178.125</v>
      </c>
      <c r="K95" s="4">
        <v>3.0208333333333298E-3</v>
      </c>
      <c r="L95" s="1">
        <v>54</v>
      </c>
      <c r="M95" s="1">
        <v>2623</v>
      </c>
      <c r="N95" s="1">
        <v>12.352268394967593</v>
      </c>
      <c r="O95" s="1">
        <v>67</v>
      </c>
      <c r="P95" s="1">
        <v>67</v>
      </c>
      <c r="Q95" s="1">
        <v>58</v>
      </c>
      <c r="R95" s="1">
        <v>58</v>
      </c>
      <c r="S95" s="1">
        <v>33</v>
      </c>
      <c r="T95" s="1">
        <v>42</v>
      </c>
      <c r="U95" s="4">
        <v>3.1250000000000002E-3</v>
      </c>
      <c r="V95" s="1">
        <v>66</v>
      </c>
      <c r="W95" s="1">
        <v>3170</v>
      </c>
      <c r="X95" s="1">
        <v>12.49211356466877</v>
      </c>
      <c r="Y95" s="1">
        <v>50</v>
      </c>
      <c r="Z95" s="1">
        <v>69</v>
      </c>
      <c r="AA95" s="1">
        <v>75</v>
      </c>
      <c r="AB95" s="1">
        <v>69</v>
      </c>
      <c r="AC95" s="1">
        <v>60</v>
      </c>
      <c r="AD95" s="1">
        <v>2896.5</v>
      </c>
      <c r="AE95" s="1">
        <v>12.428793371310201</v>
      </c>
    </row>
    <row r="96" spans="1:31" x14ac:dyDescent="0.3">
      <c r="A96" s="1">
        <v>95</v>
      </c>
      <c r="B96" s="1">
        <v>1</v>
      </c>
      <c r="C96" s="1">
        <v>63</v>
      </c>
      <c r="D96" s="2">
        <v>5</v>
      </c>
      <c r="E96" s="1">
        <v>178</v>
      </c>
      <c r="F96" s="1">
        <v>105</v>
      </c>
      <c r="G96" s="1">
        <v>33.139755081429108</v>
      </c>
      <c r="H96" s="1">
        <v>15</v>
      </c>
      <c r="I96" s="1">
        <v>43</v>
      </c>
      <c r="J96" s="1">
        <v>322.5</v>
      </c>
      <c r="K96" s="4">
        <v>1.93287037037037E-3</v>
      </c>
      <c r="L96" s="1">
        <v>39</v>
      </c>
      <c r="M96" s="1">
        <v>1320</v>
      </c>
      <c r="N96" s="1">
        <v>17.727272727272727</v>
      </c>
      <c r="O96" s="1">
        <v>25</v>
      </c>
      <c r="P96" s="1">
        <v>25</v>
      </c>
      <c r="Q96" s="1">
        <v>75</v>
      </c>
      <c r="R96" s="1">
        <v>50</v>
      </c>
      <c r="S96" s="1">
        <v>33</v>
      </c>
      <c r="T96" s="1">
        <v>25</v>
      </c>
      <c r="U96" s="4">
        <v>2.1412037037036999E-3</v>
      </c>
      <c r="V96" s="1">
        <v>22</v>
      </c>
      <c r="W96" s="1">
        <v>1885</v>
      </c>
      <c r="X96" s="1">
        <v>7.0026525198938998</v>
      </c>
      <c r="Y96" s="1">
        <v>25</v>
      </c>
      <c r="Z96" s="1">
        <v>19</v>
      </c>
      <c r="AA96" s="1">
        <v>19</v>
      </c>
      <c r="AB96" s="1">
        <v>25</v>
      </c>
      <c r="AC96" s="1">
        <v>30.5</v>
      </c>
      <c r="AD96" s="1">
        <v>1602.5</v>
      </c>
      <c r="AE96" s="1">
        <v>11.41965678627145</v>
      </c>
    </row>
    <row r="97" spans="1:31" x14ac:dyDescent="0.3">
      <c r="A97" s="1">
        <v>96</v>
      </c>
      <c r="B97" s="1">
        <v>1</v>
      </c>
      <c r="C97" s="1">
        <v>62</v>
      </c>
      <c r="D97" s="2">
        <v>5</v>
      </c>
      <c r="E97" s="1">
        <v>178</v>
      </c>
      <c r="F97" s="1">
        <v>83</v>
      </c>
      <c r="G97" s="1">
        <v>26.196187350082059</v>
      </c>
      <c r="H97" s="1">
        <v>11</v>
      </c>
      <c r="I97" s="1">
        <v>40.5</v>
      </c>
      <c r="J97" s="1">
        <v>222.75</v>
      </c>
      <c r="K97" s="4">
        <v>2.44212962962963E-3</v>
      </c>
      <c r="L97" s="1">
        <v>36</v>
      </c>
      <c r="M97" s="1">
        <v>1897</v>
      </c>
      <c r="N97" s="1">
        <v>11.386399578281496</v>
      </c>
      <c r="O97" s="1">
        <v>17</v>
      </c>
      <c r="P97" s="1">
        <v>42</v>
      </c>
      <c r="Q97" s="1">
        <v>25</v>
      </c>
      <c r="R97" s="1">
        <v>33</v>
      </c>
      <c r="S97" s="1">
        <v>42</v>
      </c>
      <c r="T97" s="1">
        <v>58</v>
      </c>
      <c r="U97" s="4">
        <v>2.4537037037037001E-3</v>
      </c>
      <c r="V97" s="1">
        <v>23</v>
      </c>
      <c r="W97" s="1">
        <v>2241</v>
      </c>
      <c r="X97" s="1">
        <v>6.1579651941097726</v>
      </c>
      <c r="Y97" s="1">
        <v>12</v>
      </c>
      <c r="Z97" s="1">
        <v>31</v>
      </c>
      <c r="AA97" s="1">
        <v>25</v>
      </c>
      <c r="AB97" s="1">
        <v>25</v>
      </c>
      <c r="AC97" s="1">
        <v>29.5</v>
      </c>
      <c r="AD97" s="1">
        <v>2069</v>
      </c>
      <c r="AE97" s="1">
        <v>8.5548574190430156</v>
      </c>
    </row>
    <row r="98" spans="1:31" x14ac:dyDescent="0.3">
      <c r="A98" s="1">
        <v>97</v>
      </c>
      <c r="B98" s="1">
        <v>1</v>
      </c>
      <c r="C98" s="1">
        <v>64</v>
      </c>
      <c r="D98" s="2">
        <v>5</v>
      </c>
      <c r="E98" s="1">
        <v>176</v>
      </c>
      <c r="F98" s="1">
        <v>76</v>
      </c>
      <c r="G98" s="1">
        <v>24.535123966942148</v>
      </c>
      <c r="H98" s="1">
        <v>11</v>
      </c>
      <c r="I98" s="1">
        <v>38.5</v>
      </c>
      <c r="J98" s="1">
        <v>211.75</v>
      </c>
      <c r="K98" s="4">
        <v>2.0370370370370399E-3</v>
      </c>
      <c r="L98" s="1">
        <v>46</v>
      </c>
      <c r="M98" s="1">
        <v>1447</v>
      </c>
      <c r="N98" s="1">
        <v>19.073946095369728</v>
      </c>
      <c r="O98" s="1">
        <v>42</v>
      </c>
      <c r="P98" s="1">
        <v>58</v>
      </c>
      <c r="Q98" s="1">
        <v>42</v>
      </c>
      <c r="R98" s="1">
        <v>42</v>
      </c>
      <c r="S98" s="1">
        <v>33</v>
      </c>
      <c r="T98" s="1">
        <v>58</v>
      </c>
      <c r="U98" s="4">
        <v>2.5925925925925899E-3</v>
      </c>
      <c r="V98" s="1">
        <v>44</v>
      </c>
      <c r="W98" s="1">
        <v>2466</v>
      </c>
      <c r="X98" s="1">
        <v>10.705596107055962</v>
      </c>
      <c r="Y98" s="1">
        <v>25</v>
      </c>
      <c r="Z98" s="1">
        <v>56</v>
      </c>
      <c r="AA98" s="1">
        <v>38</v>
      </c>
      <c r="AB98" s="1">
        <v>56</v>
      </c>
      <c r="AC98" s="1">
        <v>45</v>
      </c>
      <c r="AD98" s="1">
        <v>1956.5</v>
      </c>
      <c r="AE98" s="1">
        <v>13.800153335037056</v>
      </c>
    </row>
    <row r="99" spans="1:31" x14ac:dyDescent="0.3">
      <c r="A99" s="1">
        <v>98</v>
      </c>
      <c r="B99" s="1">
        <v>1</v>
      </c>
      <c r="C99" s="1">
        <v>61</v>
      </c>
      <c r="D99" s="2">
        <v>5</v>
      </c>
      <c r="E99" s="1">
        <v>183.5</v>
      </c>
      <c r="F99" s="1">
        <v>93</v>
      </c>
      <c r="G99" s="1">
        <v>27.619181967347</v>
      </c>
      <c r="H99" s="1">
        <v>13.5</v>
      </c>
      <c r="I99" s="1">
        <v>41.5</v>
      </c>
      <c r="J99" s="1">
        <v>280.125</v>
      </c>
      <c r="K99" s="4">
        <v>1.8287037037037E-3</v>
      </c>
      <c r="L99" s="1">
        <v>47</v>
      </c>
      <c r="M99" s="1">
        <v>1183</v>
      </c>
      <c r="N99" s="1">
        <v>23.837700760777683</v>
      </c>
      <c r="O99" s="1">
        <v>58</v>
      </c>
      <c r="P99" s="1">
        <v>50</v>
      </c>
      <c r="Q99" s="1">
        <v>33</v>
      </c>
      <c r="R99" s="1">
        <v>42</v>
      </c>
      <c r="S99" s="1">
        <v>58</v>
      </c>
      <c r="T99" s="1">
        <v>42</v>
      </c>
      <c r="U99" s="4">
        <v>2.1527777777777799E-3</v>
      </c>
      <c r="V99" s="1">
        <v>36</v>
      </c>
      <c r="W99" s="1">
        <v>1903</v>
      </c>
      <c r="X99" s="1">
        <v>11.350499211770886</v>
      </c>
      <c r="Y99" s="1">
        <v>56</v>
      </c>
      <c r="Z99" s="1">
        <v>19</v>
      </c>
      <c r="AA99" s="1">
        <v>38</v>
      </c>
      <c r="AB99" s="1">
        <v>31</v>
      </c>
      <c r="AC99" s="1">
        <v>41.5</v>
      </c>
      <c r="AD99" s="1">
        <v>1543</v>
      </c>
      <c r="AE99" s="1">
        <v>16.137394685677251</v>
      </c>
    </row>
    <row r="100" spans="1:31" x14ac:dyDescent="0.3">
      <c r="A100" s="1">
        <v>99</v>
      </c>
      <c r="B100" s="1">
        <v>1</v>
      </c>
      <c r="C100" s="1">
        <v>63</v>
      </c>
      <c r="D100" s="2">
        <v>5</v>
      </c>
      <c r="E100" s="1">
        <v>180</v>
      </c>
      <c r="F100" s="1">
        <v>92</v>
      </c>
      <c r="G100" s="1">
        <v>28.39506172839506</v>
      </c>
      <c r="H100" s="1">
        <v>11</v>
      </c>
      <c r="I100" s="1">
        <v>40.5</v>
      </c>
      <c r="J100" s="1">
        <v>222.75</v>
      </c>
      <c r="K100" s="4">
        <v>2.70833333333333E-3</v>
      </c>
      <c r="L100" s="1">
        <v>64</v>
      </c>
      <c r="M100" s="1">
        <v>2170</v>
      </c>
      <c r="N100" s="1">
        <v>17.695852534562214</v>
      </c>
      <c r="O100" s="1">
        <v>50</v>
      </c>
      <c r="P100" s="1">
        <v>50</v>
      </c>
      <c r="Q100" s="1">
        <v>67</v>
      </c>
      <c r="R100" s="1">
        <v>67</v>
      </c>
      <c r="S100" s="1">
        <v>75</v>
      </c>
      <c r="T100" s="1">
        <v>75</v>
      </c>
      <c r="U100" s="4">
        <v>3.3449074074074102E-3</v>
      </c>
      <c r="V100" s="1">
        <v>52</v>
      </c>
      <c r="W100" s="1">
        <v>3160</v>
      </c>
      <c r="X100" s="1">
        <v>9.8734177215189867</v>
      </c>
      <c r="Y100" s="1">
        <v>31</v>
      </c>
      <c r="Z100" s="1">
        <v>75</v>
      </c>
      <c r="AA100" s="1">
        <v>50</v>
      </c>
      <c r="AB100" s="1">
        <v>50</v>
      </c>
      <c r="AC100" s="1">
        <v>58</v>
      </c>
      <c r="AD100" s="1">
        <v>2665</v>
      </c>
      <c r="AE100" s="1">
        <v>13.058161350844278</v>
      </c>
    </row>
    <row r="101" spans="1:31" x14ac:dyDescent="0.3">
      <c r="A101" s="1">
        <v>100</v>
      </c>
      <c r="B101" s="1">
        <v>1</v>
      </c>
      <c r="C101" s="1">
        <v>63</v>
      </c>
      <c r="D101" s="2">
        <v>5</v>
      </c>
      <c r="E101" s="1">
        <v>178</v>
      </c>
      <c r="F101" s="1">
        <v>82</v>
      </c>
      <c r="G101" s="1">
        <v>25.880570635020831</v>
      </c>
      <c r="H101" s="1">
        <v>10</v>
      </c>
      <c r="I101" s="1">
        <v>39</v>
      </c>
      <c r="J101" s="1">
        <v>195</v>
      </c>
      <c r="K101" s="4">
        <v>2.1759259259259301E-3</v>
      </c>
      <c r="L101" s="1">
        <v>60</v>
      </c>
      <c r="M101" s="1">
        <v>1604</v>
      </c>
      <c r="N101" s="1">
        <v>22.443890274314214</v>
      </c>
      <c r="O101" s="1">
        <v>33</v>
      </c>
      <c r="P101" s="1">
        <v>67</v>
      </c>
      <c r="Q101" s="1">
        <v>58</v>
      </c>
      <c r="R101" s="1">
        <v>58</v>
      </c>
      <c r="S101" s="1">
        <v>75</v>
      </c>
      <c r="T101" s="1">
        <v>67</v>
      </c>
      <c r="U101" s="4">
        <v>2.5115740740740702E-3</v>
      </c>
      <c r="V101" s="1">
        <v>38</v>
      </c>
      <c r="W101" s="1">
        <v>2391</v>
      </c>
      <c r="X101" s="1">
        <v>9.5357590966122956</v>
      </c>
      <c r="Y101" s="1">
        <v>44</v>
      </c>
      <c r="Z101" s="1">
        <v>44</v>
      </c>
      <c r="AA101" s="1">
        <v>38</v>
      </c>
      <c r="AB101" s="1">
        <v>25</v>
      </c>
      <c r="AC101" s="1">
        <v>49</v>
      </c>
      <c r="AD101" s="1">
        <v>1997.5</v>
      </c>
      <c r="AE101" s="1">
        <v>14.718397997496872</v>
      </c>
    </row>
  </sheetData>
  <pageMargins left="0.7" right="0.7" top="0.75" bottom="0.75" header="0.3" footer="0.3"/>
  <pageSetup paperSize="9" orientation="portrait" r:id="rId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9F16E005-41EA-43D4-954F-638DF3B3D02C}">
  <dimension ref="A1:C31"/>
  <sheetViews>
    <sheetView workbookViewId="0">
      <selection activeCell="E5" sqref="E5"/>
    </sheetView>
  </sheetViews>
  <sheetFormatPr defaultRowHeight="14.4" x14ac:dyDescent="0.3"/>
  <cols>
    <col min="1" max="1" width="17.88671875" customWidth="1"/>
    <col min="2" max="2" width="51.21875" customWidth="1"/>
  </cols>
  <sheetData>
    <row r="1" spans="1:3" x14ac:dyDescent="0.3">
      <c r="A1" t="s">
        <v>0</v>
      </c>
      <c r="B1" t="s">
        <v>31</v>
      </c>
    </row>
    <row r="2" spans="1:3" x14ac:dyDescent="0.3">
      <c r="A2" t="s">
        <v>1</v>
      </c>
      <c r="B2" t="s">
        <v>32</v>
      </c>
      <c r="C2" t="s">
        <v>61</v>
      </c>
    </row>
    <row r="3" spans="1:3" x14ac:dyDescent="0.3">
      <c r="A3" t="s">
        <v>2</v>
      </c>
      <c r="B3" t="s">
        <v>2</v>
      </c>
    </row>
    <row r="4" spans="1:3" x14ac:dyDescent="0.3">
      <c r="A4" t="s">
        <v>3</v>
      </c>
      <c r="B4" t="s">
        <v>33</v>
      </c>
      <c r="C4" t="s">
        <v>62</v>
      </c>
    </row>
    <row r="5" spans="1:3" x14ac:dyDescent="0.3">
      <c r="A5" t="s">
        <v>4</v>
      </c>
      <c r="B5" t="s">
        <v>34</v>
      </c>
    </row>
    <row r="6" spans="1:3" x14ac:dyDescent="0.3">
      <c r="A6" t="s">
        <v>5</v>
      </c>
      <c r="B6" t="s">
        <v>35</v>
      </c>
    </row>
    <row r="7" spans="1:3" x14ac:dyDescent="0.3">
      <c r="A7" t="s">
        <v>6</v>
      </c>
      <c r="B7" t="s">
        <v>36</v>
      </c>
    </row>
    <row r="8" spans="1:3" x14ac:dyDescent="0.3">
      <c r="A8" t="s">
        <v>7</v>
      </c>
      <c r="B8" t="s">
        <v>37</v>
      </c>
    </row>
    <row r="9" spans="1:3" x14ac:dyDescent="0.3">
      <c r="A9" t="s">
        <v>8</v>
      </c>
      <c r="B9" t="s">
        <v>38</v>
      </c>
    </row>
    <row r="10" spans="1:3" x14ac:dyDescent="0.3">
      <c r="A10" t="s">
        <v>9</v>
      </c>
      <c r="B10" t="s">
        <v>39</v>
      </c>
    </row>
    <row r="11" spans="1:3" x14ac:dyDescent="0.3">
      <c r="A11" t="s">
        <v>10</v>
      </c>
      <c r="B11" t="s">
        <v>40</v>
      </c>
    </row>
    <row r="12" spans="1:3" x14ac:dyDescent="0.3">
      <c r="A12" t="s">
        <v>11</v>
      </c>
      <c r="B12" t="s">
        <v>41</v>
      </c>
    </row>
    <row r="13" spans="1:3" x14ac:dyDescent="0.3">
      <c r="A13" t="s">
        <v>12</v>
      </c>
      <c r="B13" t="s">
        <v>42</v>
      </c>
    </row>
    <row r="14" spans="1:3" x14ac:dyDescent="0.3">
      <c r="A14" t="s">
        <v>13</v>
      </c>
      <c r="B14" t="s">
        <v>43</v>
      </c>
    </row>
    <row r="15" spans="1:3" x14ac:dyDescent="0.3">
      <c r="A15" t="s">
        <v>14</v>
      </c>
      <c r="B15" t="s">
        <v>44</v>
      </c>
    </row>
    <row r="16" spans="1:3" x14ac:dyDescent="0.3">
      <c r="A16" t="s">
        <v>15</v>
      </c>
      <c r="B16" t="s">
        <v>45</v>
      </c>
    </row>
    <row r="17" spans="1:2" x14ac:dyDescent="0.3">
      <c r="A17" t="s">
        <v>16</v>
      </c>
      <c r="B17" t="s">
        <v>46</v>
      </c>
    </row>
    <row r="18" spans="1:2" x14ac:dyDescent="0.3">
      <c r="A18" t="s">
        <v>17</v>
      </c>
      <c r="B18" t="s">
        <v>47</v>
      </c>
    </row>
    <row r="19" spans="1:2" x14ac:dyDescent="0.3">
      <c r="A19" t="s">
        <v>18</v>
      </c>
      <c r="B19" t="s">
        <v>48</v>
      </c>
    </row>
    <row r="20" spans="1:2" x14ac:dyDescent="0.3">
      <c r="A20" t="s">
        <v>19</v>
      </c>
      <c r="B20" t="s">
        <v>49</v>
      </c>
    </row>
    <row r="21" spans="1:2" x14ac:dyDescent="0.3">
      <c r="A21" t="s">
        <v>20</v>
      </c>
      <c r="B21" t="s">
        <v>50</v>
      </c>
    </row>
    <row r="22" spans="1:2" x14ac:dyDescent="0.3">
      <c r="A22" t="s">
        <v>21</v>
      </c>
      <c r="B22" t="s">
        <v>51</v>
      </c>
    </row>
    <row r="23" spans="1:2" x14ac:dyDescent="0.3">
      <c r="A23" t="s">
        <v>22</v>
      </c>
      <c r="B23" t="s">
        <v>52</v>
      </c>
    </row>
    <row r="24" spans="1:2" x14ac:dyDescent="0.3">
      <c r="A24" t="s">
        <v>23</v>
      </c>
      <c r="B24" t="s">
        <v>53</v>
      </c>
    </row>
    <row r="25" spans="1:2" x14ac:dyDescent="0.3">
      <c r="A25" t="s">
        <v>24</v>
      </c>
      <c r="B25" t="s">
        <v>54</v>
      </c>
    </row>
    <row r="26" spans="1:2" x14ac:dyDescent="0.3">
      <c r="A26" t="s">
        <v>25</v>
      </c>
      <c r="B26" t="s">
        <v>55</v>
      </c>
    </row>
    <row r="27" spans="1:2" x14ac:dyDescent="0.3">
      <c r="A27" t="s">
        <v>26</v>
      </c>
      <c r="B27" t="s">
        <v>56</v>
      </c>
    </row>
    <row r="28" spans="1:2" x14ac:dyDescent="0.3">
      <c r="A28" t="s">
        <v>27</v>
      </c>
      <c r="B28" t="s">
        <v>57</v>
      </c>
    </row>
    <row r="29" spans="1:2" x14ac:dyDescent="0.3">
      <c r="A29" t="s">
        <v>28</v>
      </c>
      <c r="B29" t="s">
        <v>58</v>
      </c>
    </row>
    <row r="30" spans="1:2" x14ac:dyDescent="0.3">
      <c r="A30" t="s">
        <v>29</v>
      </c>
      <c r="B30" t="s">
        <v>59</v>
      </c>
    </row>
    <row r="31" spans="1:2" x14ac:dyDescent="0.3">
      <c r="A31" t="s">
        <v>30</v>
      </c>
      <c r="B31" t="s">
        <v>60</v>
      </c>
    </row>
  </sheetData>
  <pageMargins left="0.7" right="0.7" top="0.75" bottom="0.75" header="0.3" footer="0.3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2</vt:i4>
      </vt:variant>
    </vt:vector>
  </HeadingPairs>
  <TitlesOfParts>
    <vt:vector size="2" baseType="lpstr">
      <vt:lpstr>Data experiment 2</vt:lpstr>
      <vt:lpstr>labels</vt:lpstr>
    </vt:vector>
  </TitlesOfParts>
  <Company>IBM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BM SPSS Export Facility</dc:creator>
  <cp:lastModifiedBy>Nickile Olthof</cp:lastModifiedBy>
  <dcterms:created xsi:type="dcterms:W3CDTF">2011-08-01T14:22:18Z</dcterms:created>
  <dcterms:modified xsi:type="dcterms:W3CDTF">2021-07-23T18:38:36Z</dcterms:modified>
</cp:coreProperties>
</file>